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江の島西" sheetId="1" r:id="rId1"/>
    <sheet name="辻堂沖" sheetId="2" r:id="rId2"/>
    <sheet name="城ケ島沖" sheetId="3" r:id="rId3"/>
    <sheet name="城ケ島西" sheetId="4" r:id="rId4"/>
    <sheet name="小網代湾" sheetId="5" r:id="rId5"/>
    <sheet name="小田和湾" sheetId="6" r:id="rId6"/>
    <sheet name="葉山沖" sheetId="7" r:id="rId7"/>
    <sheet name="由比ケ浜沖" sheetId="8" r:id="rId8"/>
    <sheet name="七里ケ浜沖" sheetId="9" r:id="rId9"/>
    <sheet name="茅ケ崎沖" sheetId="10" r:id="rId10"/>
    <sheet name="平塚沖" sheetId="11" r:id="rId11"/>
    <sheet name="大磯沖" sheetId="12" r:id="rId12"/>
    <sheet name="湾央東" sheetId="13" r:id="rId13"/>
    <sheet name="湾央" sheetId="14" r:id="rId14"/>
    <sheet name="湾央西" sheetId="15" r:id="rId15"/>
    <sheet name="国府津沖" sheetId="16" r:id="rId16"/>
    <sheet name="小田原沖" sheetId="17" r:id="rId17"/>
    <sheet name="根府川沖" sheetId="18" r:id="rId18"/>
    <sheet name="真鶴沖" sheetId="19" r:id="rId19"/>
    <sheet name="吉浜沖" sheetId="20" r:id="rId20"/>
  </sheets>
  <calcPr calcId="0"/>
</workbook>
</file>

<file path=xl/sharedStrings.xml><?xml version="1.0" encoding="utf-8"?>
<sst xmlns="http://schemas.openxmlformats.org/spreadsheetml/2006/main" count="10018" uniqueCount="581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2</t>
  </si>
  <si>
    <t>晴れ</t>
  </si>
  <si>
    <t>21.3</t>
  </si>
  <si>
    <t>18.0</t>
  </si>
  <si>
    <t>0.5</t>
  </si>
  <si>
    <t>9.7</t>
  </si>
  <si>
    <t>4.0</t>
  </si>
  <si>
    <t>通常の状況</t>
  </si>
  <si>
    <t>青緑色・中</t>
  </si>
  <si>
    <t>無臭</t>
  </si>
  <si>
    <t>8.0</t>
  </si>
  <si>
    <t>1.4</t>
  </si>
  <si>
    <t>17.5</t>
  </si>
  <si>
    <t>8.7</t>
  </si>
  <si>
    <t>8.1</t>
  </si>
  <si>
    <t>0.8</t>
  </si>
  <si>
    <t>2018/05/11</t>
  </si>
  <si>
    <t>17.4</t>
  </si>
  <si>
    <t>17.1</t>
  </si>
  <si>
    <t>5.8</t>
  </si>
  <si>
    <t>緑褐色・淡（明）</t>
  </si>
  <si>
    <t>2.1</t>
  </si>
  <si>
    <t>17.2</t>
  </si>
  <si>
    <t>7.0</t>
  </si>
  <si>
    <t>0.6</t>
  </si>
  <si>
    <t>2018/06/06</t>
  </si>
  <si>
    <t>霧雨</t>
  </si>
  <si>
    <t>降雨なし</t>
  </si>
  <si>
    <t>19.8</t>
  </si>
  <si>
    <t>22.8</t>
  </si>
  <si>
    <t>3.0</t>
  </si>
  <si>
    <t>緑褐色・中</t>
  </si>
  <si>
    <t>8.2</t>
  </si>
  <si>
    <t>2.3</t>
  </si>
  <si>
    <t>22.0</t>
  </si>
  <si>
    <t>7.7</t>
  </si>
  <si>
    <t>1.5</t>
  </si>
  <si>
    <t>2018/07/04</t>
  </si>
  <si>
    <t>曇り</t>
  </si>
  <si>
    <t>26.4</t>
  </si>
  <si>
    <t>26.5</t>
  </si>
  <si>
    <t>2.8</t>
  </si>
  <si>
    <t>8.4</t>
  </si>
  <si>
    <t>4.3</t>
  </si>
  <si>
    <t>25.0</t>
  </si>
  <si>
    <t>2.9</t>
  </si>
  <si>
    <t>2018/08/01</t>
  </si>
  <si>
    <t>快晴</t>
  </si>
  <si>
    <t>33.0</t>
  </si>
  <si>
    <t>29.4</t>
  </si>
  <si>
    <t>9.0</t>
  </si>
  <si>
    <t>2.5</t>
  </si>
  <si>
    <t>3.2</t>
  </si>
  <si>
    <t>26.9</t>
  </si>
  <si>
    <t>1.8</t>
  </si>
  <si>
    <t>2018/09/07</t>
  </si>
  <si>
    <t>23.6</t>
  </si>
  <si>
    <t>8.5</t>
  </si>
  <si>
    <t>緑青色・中</t>
  </si>
  <si>
    <t>25.8</t>
  </si>
  <si>
    <t>7.5</t>
  </si>
  <si>
    <t>1.0</t>
  </si>
  <si>
    <t>2018/10/03</t>
  </si>
  <si>
    <t>22.5</t>
  </si>
  <si>
    <t>22.6</t>
  </si>
  <si>
    <t>8.9</t>
  </si>
  <si>
    <t>7.9</t>
  </si>
  <si>
    <t>1.2</t>
  </si>
  <si>
    <t>2018/11/07</t>
  </si>
  <si>
    <t>10mm以上20mm未満</t>
  </si>
  <si>
    <t>18.7</t>
  </si>
  <si>
    <t>20.0</t>
  </si>
  <si>
    <t>8.6</t>
  </si>
  <si>
    <t>5.2</t>
  </si>
  <si>
    <t>1.1</t>
  </si>
  <si>
    <t>20.3</t>
  </si>
  <si>
    <t>7.6</t>
  </si>
  <si>
    <t>2018/12/05</t>
  </si>
  <si>
    <t>19.0</t>
  </si>
  <si>
    <t>18.8</t>
  </si>
  <si>
    <t>7.1</t>
  </si>
  <si>
    <t>0.7</t>
  </si>
  <si>
    <t>2019/01/09</t>
  </si>
  <si>
    <t>12.9</t>
  </si>
  <si>
    <t>5.5</t>
  </si>
  <si>
    <t>13.9</t>
  </si>
  <si>
    <t>2019/02/06</t>
  </si>
  <si>
    <t>雨</t>
  </si>
  <si>
    <t>6.1</t>
  </si>
  <si>
    <t>13.3</t>
  </si>
  <si>
    <t>10.0</t>
  </si>
  <si>
    <t>14.6</t>
  </si>
  <si>
    <t>2019/03/06</t>
  </si>
  <si>
    <t>13.7</t>
  </si>
  <si>
    <t>8.8</t>
  </si>
  <si>
    <t>6.8</t>
  </si>
  <si>
    <t>7.8</t>
  </si>
  <si>
    <t>0.4</t>
  </si>
  <si>
    <t>21.2</t>
  </si>
  <si>
    <t>16.0</t>
  </si>
  <si>
    <t>4.5</t>
  </si>
  <si>
    <t>15.0</t>
  </si>
  <si>
    <t>6.9</t>
  </si>
  <si>
    <t>緑青色・濃（暗）</t>
  </si>
  <si>
    <t>16.7</t>
  </si>
  <si>
    <t>17.0</t>
  </si>
  <si>
    <t>0.3</t>
  </si>
  <si>
    <t>19.4</t>
  </si>
  <si>
    <t>15.4</t>
  </si>
  <si>
    <t>4.2</t>
  </si>
  <si>
    <t>21.5</t>
  </si>
  <si>
    <t>14.4</t>
  </si>
  <si>
    <t>26.3</t>
  </si>
  <si>
    <t>26.1</t>
  </si>
  <si>
    <t>14.0</t>
  </si>
  <si>
    <t>8.3</t>
  </si>
  <si>
    <t>2.7</t>
  </si>
  <si>
    <t>24.3</t>
  </si>
  <si>
    <t>13.0</t>
  </si>
  <si>
    <t>33.4</t>
  </si>
  <si>
    <t>29.5</t>
  </si>
  <si>
    <t>16.5</t>
  </si>
  <si>
    <t>3.8</t>
  </si>
  <si>
    <t>15.5</t>
  </si>
  <si>
    <t>26.8</t>
  </si>
  <si>
    <t>24.9</t>
  </si>
  <si>
    <t>15.3</t>
  </si>
  <si>
    <t>25.5</t>
  </si>
  <si>
    <t>14.3</t>
  </si>
  <si>
    <t>22.9</t>
  </si>
  <si>
    <t>16.3</t>
  </si>
  <si>
    <t>20.1</t>
  </si>
  <si>
    <t>0.9</t>
  </si>
  <si>
    <t>19.2</t>
  </si>
  <si>
    <t>15.7</t>
  </si>
  <si>
    <t>14.7</t>
  </si>
  <si>
    <t>14.9</t>
  </si>
  <si>
    <t>13.6</t>
  </si>
  <si>
    <t>12.8</t>
  </si>
  <si>
    <t>14.8</t>
  </si>
  <si>
    <t>9.8</t>
  </si>
  <si>
    <t>14.2</t>
  </si>
  <si>
    <t>2018/04/16</t>
  </si>
  <si>
    <t>15.6</t>
  </si>
  <si>
    <t>64.2</t>
  </si>
  <si>
    <t>緑色・濃（暗）</t>
  </si>
  <si>
    <t>1.7</t>
  </si>
  <si>
    <t>50.0</t>
  </si>
  <si>
    <t>2018/05/09</t>
  </si>
  <si>
    <t>11.8</t>
  </si>
  <si>
    <t>17.8</t>
  </si>
  <si>
    <t>63.5</t>
  </si>
  <si>
    <t>9.5</t>
  </si>
  <si>
    <t>青緑色・濃（暗）</t>
  </si>
  <si>
    <t>19.6</t>
  </si>
  <si>
    <t>64.8</t>
  </si>
  <si>
    <t>2.2</t>
  </si>
  <si>
    <t>25.6</t>
  </si>
  <si>
    <t>63.6</t>
  </si>
  <si>
    <t>11.1</t>
  </si>
  <si>
    <t>青色・濃（暗）</t>
  </si>
  <si>
    <t>19.1</t>
  </si>
  <si>
    <t>25.3</t>
  </si>
  <si>
    <t>2018/08/28</t>
  </si>
  <si>
    <t>27.6</t>
  </si>
  <si>
    <t>26.6</t>
  </si>
  <si>
    <t>64.7</t>
  </si>
  <si>
    <t>10.3</t>
  </si>
  <si>
    <t>1.9</t>
  </si>
  <si>
    <t>2018/09/12</t>
  </si>
  <si>
    <t>22.1</t>
  </si>
  <si>
    <t>64.9</t>
  </si>
  <si>
    <t>16.2</t>
  </si>
  <si>
    <t>22.4</t>
  </si>
  <si>
    <t>23.8</t>
  </si>
  <si>
    <t>1.3</t>
  </si>
  <si>
    <t>17.6</t>
  </si>
  <si>
    <t>18.3</t>
  </si>
  <si>
    <t>21.9</t>
  </si>
  <si>
    <t>64.5</t>
  </si>
  <si>
    <t>12.0</t>
  </si>
  <si>
    <t>18.9</t>
  </si>
  <si>
    <t>65.1</t>
  </si>
  <si>
    <t>12.3</t>
  </si>
  <si>
    <t>2019/01/16</t>
  </si>
  <si>
    <t>60.0</t>
  </si>
  <si>
    <t>14.5</t>
  </si>
  <si>
    <t>7.3</t>
  </si>
  <si>
    <t>65.0</t>
  </si>
  <si>
    <t>18.2</t>
  </si>
  <si>
    <t>16.9</t>
  </si>
  <si>
    <t>11.6</t>
  </si>
  <si>
    <t>56.8</t>
  </si>
  <si>
    <t>10.9</t>
  </si>
  <si>
    <t>28.1</t>
  </si>
  <si>
    <t>26.0</t>
  </si>
  <si>
    <t>57.1</t>
  </si>
  <si>
    <t>2.6</t>
  </si>
  <si>
    <t>21.6</t>
  </si>
  <si>
    <t>56.1</t>
  </si>
  <si>
    <t>12.1</t>
  </si>
  <si>
    <t>7.4</t>
  </si>
  <si>
    <t>15.9</t>
  </si>
  <si>
    <t>16.1</t>
  </si>
  <si>
    <t>46.8</t>
  </si>
  <si>
    <t>10.2</t>
  </si>
  <si>
    <t>45.8</t>
  </si>
  <si>
    <t>11.5</t>
  </si>
  <si>
    <t>46.1</t>
  </si>
  <si>
    <t>10.5</t>
  </si>
  <si>
    <t>15.1</t>
  </si>
  <si>
    <t>45.1</t>
  </si>
  <si>
    <t>47.4</t>
  </si>
  <si>
    <t>5.0</t>
  </si>
  <si>
    <t>黄緑色・濃（暗）</t>
  </si>
  <si>
    <t>3.4</t>
  </si>
  <si>
    <t>46.4</t>
  </si>
  <si>
    <t>25.7</t>
  </si>
  <si>
    <t>22.7</t>
  </si>
  <si>
    <t>9.9</t>
  </si>
  <si>
    <t>19.3</t>
  </si>
  <si>
    <t>24.2</t>
  </si>
  <si>
    <t>22.2</t>
  </si>
  <si>
    <t>47.7</t>
  </si>
  <si>
    <t>6.0</t>
  </si>
  <si>
    <t>1.6</t>
  </si>
  <si>
    <t>20.7</t>
  </si>
  <si>
    <t>46.7</t>
  </si>
  <si>
    <t>18.4</t>
  </si>
  <si>
    <t>46.9</t>
  </si>
  <si>
    <t>13.5</t>
  </si>
  <si>
    <t>20.9</t>
  </si>
  <si>
    <t>45.9</t>
  </si>
  <si>
    <t>23.2</t>
  </si>
  <si>
    <t>18.5</t>
  </si>
  <si>
    <t>46.2</t>
  </si>
  <si>
    <t>12.6</t>
  </si>
  <si>
    <t>45.2</t>
  </si>
  <si>
    <t>46.5</t>
  </si>
  <si>
    <t>17.3</t>
  </si>
  <si>
    <t>45.5</t>
  </si>
  <si>
    <t>23.0</t>
  </si>
  <si>
    <t>45.4</t>
  </si>
  <si>
    <t>12.4</t>
  </si>
  <si>
    <t>15.2</t>
  </si>
  <si>
    <t>44.5</t>
  </si>
  <si>
    <t>2018/04/13</t>
  </si>
  <si>
    <t>緑色・中</t>
  </si>
  <si>
    <t>2018/05/18</t>
  </si>
  <si>
    <t>27.0</t>
  </si>
  <si>
    <t>19.5</t>
  </si>
  <si>
    <t>21.8</t>
  </si>
  <si>
    <t>3.5</t>
  </si>
  <si>
    <t>30.5</t>
  </si>
  <si>
    <t>25.4</t>
  </si>
  <si>
    <t>4.7</t>
  </si>
  <si>
    <t>24.6</t>
  </si>
  <si>
    <t>4.25</t>
  </si>
  <si>
    <t>35.6</t>
  </si>
  <si>
    <t>27.3</t>
  </si>
  <si>
    <t>29.2</t>
  </si>
  <si>
    <t>26.2</t>
  </si>
  <si>
    <t>24.0</t>
  </si>
  <si>
    <t>2.0</t>
  </si>
  <si>
    <t>23.5</t>
  </si>
  <si>
    <t>19.7</t>
  </si>
  <si>
    <t>2019/01/11</t>
  </si>
  <si>
    <t>10.6</t>
  </si>
  <si>
    <t>15.8</t>
  </si>
  <si>
    <t>2019/02/08</t>
  </si>
  <si>
    <t>10.1</t>
  </si>
  <si>
    <t>25.1</t>
  </si>
  <si>
    <t>29.0</t>
  </si>
  <si>
    <t>18.6</t>
  </si>
  <si>
    <t>16.4</t>
  </si>
  <si>
    <t>17.7</t>
  </si>
  <si>
    <t>16.8</t>
  </si>
  <si>
    <t>灰黄緑色・濃（暗）</t>
  </si>
  <si>
    <t>薄曇り</t>
  </si>
  <si>
    <t>30.0</t>
  </si>
  <si>
    <t>27.5</t>
  </si>
  <si>
    <t>23.1</t>
  </si>
  <si>
    <t>24.5</t>
  </si>
  <si>
    <t>24.4</t>
  </si>
  <si>
    <t>23.7</t>
  </si>
  <si>
    <t>21.1</t>
  </si>
  <si>
    <t>11.0</t>
  </si>
  <si>
    <t>&gt;16.0</t>
  </si>
  <si>
    <t>11.2</t>
  </si>
  <si>
    <t>13.4</t>
  </si>
  <si>
    <t>14.1</t>
  </si>
  <si>
    <t>&gt;16.9</t>
  </si>
  <si>
    <t>17.9</t>
  </si>
  <si>
    <t>31.1</t>
  </si>
  <si>
    <t>25.9</t>
  </si>
  <si>
    <t>11.4</t>
  </si>
  <si>
    <t>25.2</t>
  </si>
  <si>
    <t>21.0</t>
  </si>
  <si>
    <t>31.9</t>
  </si>
  <si>
    <t>28.6</t>
  </si>
  <si>
    <t>3.9</t>
  </si>
  <si>
    <t>27.8</t>
  </si>
  <si>
    <t>23.3</t>
  </si>
  <si>
    <t>23.9</t>
  </si>
  <si>
    <t>20.5</t>
  </si>
  <si>
    <t>0.1</t>
  </si>
  <si>
    <t>5.3</t>
  </si>
  <si>
    <t>ゴミ、浮遊物多し</t>
  </si>
  <si>
    <t>24.1</t>
  </si>
  <si>
    <t>32.1</t>
  </si>
  <si>
    <t>青色・中</t>
  </si>
  <si>
    <t>6.5</t>
  </si>
  <si>
    <t>青色・淡（明）</t>
  </si>
  <si>
    <t>13.8</t>
  </si>
  <si>
    <t>13.1</t>
  </si>
  <si>
    <t>30mm以上</t>
  </si>
  <si>
    <t>16.6</t>
  </si>
  <si>
    <t>22.3</t>
  </si>
  <si>
    <t>12.5</t>
  </si>
  <si>
    <t>9.4</t>
  </si>
  <si>
    <t>20.6</t>
  </si>
  <si>
    <t>27.4</t>
  </si>
  <si>
    <t>3.7</t>
  </si>
  <si>
    <t>灰緑色・濃（暗）</t>
  </si>
  <si>
    <t>&gt;22.1</t>
  </si>
  <si>
    <t>10.8</t>
  </si>
  <si>
    <t>10.4</t>
  </si>
  <si>
    <t>21.4</t>
  </si>
  <si>
    <t>20.4</t>
  </si>
  <si>
    <t>105.8</t>
  </si>
  <si>
    <t>10.7</t>
  </si>
  <si>
    <t>27.1</t>
  </si>
  <si>
    <t>104.7</t>
  </si>
  <si>
    <t>18.1</t>
  </si>
  <si>
    <t>106.3</t>
  </si>
  <si>
    <t>6.6</t>
  </si>
  <si>
    <t>104.8</t>
  </si>
  <si>
    <t>470.0</t>
  </si>
  <si>
    <t>11.3</t>
  </si>
  <si>
    <t>24.7</t>
  </si>
  <si>
    <t>480.0</t>
  </si>
  <si>
    <t>21.7</t>
  </si>
  <si>
    <t>5.4</t>
  </si>
  <si>
    <t>475.0</t>
  </si>
  <si>
    <t>472.0</t>
  </si>
  <si>
    <t>6.7</t>
  </si>
  <si>
    <t>11.9</t>
  </si>
  <si>
    <t>115.0</t>
  </si>
  <si>
    <t>28.2</t>
  </si>
  <si>
    <t>116.0</t>
  </si>
  <si>
    <t>3.3</t>
  </si>
  <si>
    <t>119.0</t>
  </si>
  <si>
    <t>182</t>
  </si>
  <si>
    <t>50</t>
  </si>
  <si>
    <t>188</t>
  </si>
  <si>
    <t>11</t>
  </si>
  <si>
    <t>185</t>
  </si>
  <si>
    <t>28.0</t>
  </si>
  <si>
    <t>180</t>
  </si>
  <si>
    <t>10</t>
  </si>
  <si>
    <t>2018/09/11</t>
  </si>
  <si>
    <t>181</t>
  </si>
  <si>
    <t>187</t>
  </si>
  <si>
    <t>184</t>
  </si>
  <si>
    <t>2018/12/06</t>
  </si>
  <si>
    <t>12</t>
  </si>
  <si>
    <t>2019/01/10</t>
  </si>
  <si>
    <t>6.2</t>
  </si>
  <si>
    <t>19</t>
  </si>
  <si>
    <t>14</t>
  </si>
  <si>
    <t>2019/03/07</t>
  </si>
  <si>
    <t>12.2</t>
  </si>
  <si>
    <t>186</t>
  </si>
  <si>
    <t>183</t>
  </si>
  <si>
    <t>2.4</t>
  </si>
  <si>
    <t>24.8</t>
  </si>
  <si>
    <t>20.8</t>
  </si>
  <si>
    <t>20</t>
  </si>
  <si>
    <t>334</t>
  </si>
  <si>
    <t>330</t>
  </si>
  <si>
    <t>20.2</t>
  </si>
  <si>
    <t>28.5</t>
  </si>
  <si>
    <t>325</t>
  </si>
  <si>
    <t>灰緑色・中</t>
  </si>
  <si>
    <t>322</t>
  </si>
  <si>
    <t>320</t>
  </si>
  <si>
    <t>21</t>
  </si>
  <si>
    <t>13</t>
  </si>
  <si>
    <t>336</t>
  </si>
  <si>
    <t>105.0</t>
  </si>
  <si>
    <t>9.1</t>
  </si>
  <si>
    <t>27.2</t>
  </si>
  <si>
    <t>3.1</t>
  </si>
  <si>
    <t>106.0</t>
  </si>
  <si>
    <t>107.0</t>
  </si>
  <si>
    <t>23.4</t>
  </si>
  <si>
    <t>19.9</t>
  </si>
  <si>
    <t>9.3</t>
  </si>
  <si>
    <t>27.9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相模湾</t>
  </si>
  <si>
    <t>江の島西(14-651-51)</t>
  </si>
  <si>
    <t>海域A</t>
  </si>
  <si>
    <t>藤沢市</t>
  </si>
  <si>
    <t>ＤＯ</t>
  </si>
  <si>
    <t>単位</t>
  </si>
  <si>
    <t>時：分</t>
  </si>
  <si>
    <t>℃</t>
  </si>
  <si>
    <t>m/s</t>
  </si>
  <si>
    <t>ｍ</t>
  </si>
  <si>
    <t>㎝</t>
  </si>
  <si>
    <t>上層（表層）</t>
  </si>
  <si>
    <t>0mm以上5mm未満</t>
  </si>
  <si>
    <t>下層</t>
  </si>
  <si>
    <t>5mm以上10mm未満</t>
  </si>
  <si>
    <t>辻堂沖(14-651-01)</t>
  </si>
  <si>
    <t>城ケ島沖(14-652-01)</t>
  </si>
  <si>
    <t>神奈川県</t>
  </si>
  <si>
    <t>城ケ島西(14-652-51)</t>
  </si>
  <si>
    <t>小網代湾(14-652-02)</t>
  </si>
  <si>
    <t>小田和湾(14-652-52)</t>
  </si>
  <si>
    <t>横須賀市</t>
  </si>
  <si>
    <t>葉山沖(14-652-53)</t>
  </si>
  <si>
    <t>由比ケ浜沖(14-652-03)</t>
  </si>
  <si>
    <t>七里ケ浜沖(14-652-54)</t>
  </si>
  <si>
    <t>茅ケ崎沖(14-652-55)</t>
  </si>
  <si>
    <t>茅ヶ崎市</t>
  </si>
  <si>
    <t>平塚沖(14-652-56)</t>
  </si>
  <si>
    <t>平塚市</t>
  </si>
  <si>
    <t>大磯沖(14-652-04)</t>
  </si>
  <si>
    <t>湾央東(14-652-57)</t>
  </si>
  <si>
    <t>湾央(14-652-05)</t>
  </si>
  <si>
    <t>湾央西(14-652-58)</t>
  </si>
  <si>
    <t>国府津沖(14-652-59)</t>
  </si>
  <si>
    <t>小田原市</t>
  </si>
  <si>
    <t>小田原沖(14-652-60)</t>
  </si>
  <si>
    <t>根府川沖(14-652-06)</t>
  </si>
  <si>
    <t>真鶴沖(14-652-61)</t>
  </si>
  <si>
    <t>吉浜沖(14-652-07)</t>
  </si>
  <si>
    <t>ｎ-ヘキサン抽出物質</t>
  </si>
  <si>
    <t>鉛</t>
  </si>
  <si>
    <t>MPN/100mL</t>
  </si>
  <si>
    <t>&lt;0.5</t>
  </si>
  <si>
    <t>&lt;0.0003</t>
  </si>
  <si>
    <t>&lt;0.01</t>
  </si>
  <si>
    <t>&lt;0.0005</t>
  </si>
  <si>
    <t>&lt;0.02</t>
  </si>
  <si>
    <t>&lt;0.001</t>
  </si>
  <si>
    <t>&lt;0.0002</t>
  </si>
  <si>
    <t>&lt;2.0E00</t>
  </si>
  <si>
    <t>&lt;0.005</t>
  </si>
  <si>
    <t>&lt;0.0001</t>
  </si>
  <si>
    <t>&lt;0.1</t>
  </si>
  <si>
    <t>1，3-ジクロロプロペン</t>
  </si>
  <si>
    <t>銅</t>
  </si>
  <si>
    <t>溶解性鉄</t>
  </si>
  <si>
    <t>&lt;0.0004</t>
  </si>
  <si>
    <t>&lt;0.10</t>
  </si>
  <si>
    <t>&lt;0.002</t>
  </si>
  <si>
    <t>&lt;0.05</t>
  </si>
  <si>
    <t>&lt;0.0006</t>
  </si>
  <si>
    <t>有機りん</t>
  </si>
  <si>
    <t>mS/m</t>
  </si>
  <si>
    <t>‰</t>
  </si>
  <si>
    <t>&lt;0.04</t>
  </si>
  <si>
    <t>&lt;0.03</t>
  </si>
  <si>
    <t>&lt;0.008</t>
  </si>
  <si>
    <t>1，1，1-トリクロロエタン</t>
  </si>
  <si>
    <t>μg/L</t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上層、下層の混合</t>
  </si>
  <si>
    <t>&lt;0.00006</t>
  </si>
  <si>
    <t>0.0027</t>
  </si>
  <si>
    <t>0.0015</t>
  </si>
  <si>
    <t/>
  </si>
  <si>
    <t>0.0014</t>
  </si>
  <si>
    <t>0.0012</t>
  </si>
  <si>
    <t>0.0007</t>
  </si>
  <si>
    <t>0.0040</t>
  </si>
  <si>
    <t>0.0025</t>
  </si>
  <si>
    <t>0.0094</t>
  </si>
  <si>
    <t>0.0026</t>
  </si>
  <si>
    <t>0.0010</t>
  </si>
  <si>
    <t>0.0024</t>
  </si>
  <si>
    <t>0.0016</t>
  </si>
  <si>
    <t>0.0009</t>
  </si>
  <si>
    <t>0.0013</t>
  </si>
  <si>
    <t>0.0006</t>
  </si>
  <si>
    <t>0.0011</t>
  </si>
  <si>
    <t>0.0023</t>
  </si>
  <si>
    <t>0.0066</t>
  </si>
  <si>
    <t>0.0049</t>
  </si>
  <si>
    <t>0.0077</t>
  </si>
  <si>
    <t>0.0019</t>
  </si>
  <si>
    <t>0.0052</t>
  </si>
  <si>
    <t>0.0021</t>
  </si>
  <si>
    <t>0.0046</t>
  </si>
  <si>
    <t>0.0072</t>
  </si>
  <si>
    <t>0.0008</t>
  </si>
  <si>
    <t>0.0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BZ39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73</v>
      </c>
      <c r="E1" s="1" t="s">
        <v>2</v>
      </c>
      <c r="F1" s="1" t="s">
        <v>474</v>
      </c>
      <c r="G1" s="1" t="s">
        <v>3</v>
      </c>
      <c r="H1" s="1" t="s">
        <v>47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4444444444444442</v>
      </c>
      <c r="C4" s="1" t="s">
        <v>483</v>
      </c>
      <c r="D4" s="1" t="s">
        <v>27</v>
      </c>
      <c r="E4" s="1" t="s">
        <v>484</v>
      </c>
      <c r="F4" s="1" t="s">
        <v>28</v>
      </c>
      <c r="G4" s="1" t="s">
        <v>29</v>
      </c>
      <c r="J4" s="1" t="s">
        <v>30</v>
      </c>
      <c r="K4" s="1" t="s">
        <v>31</v>
      </c>
      <c r="M4" s="1" t="s">
        <v>32</v>
      </c>
      <c r="N4" s="1" t="s">
        <v>33</v>
      </c>
      <c r="O4" s="1" t="s">
        <v>34</v>
      </c>
      <c r="P4" s="1" t="s">
        <v>35</v>
      </c>
      <c r="Q4" s="1" t="s">
        <v>36</v>
      </c>
      <c r="S4" s="1" t="s">
        <v>37</v>
      </c>
      <c r="U4" s="1">
        <v>7.5</v>
      </c>
      <c r="V4" s="3">
        <v>2200</v>
      </c>
      <c r="W4" s="1" t="s">
        <v>514</v>
      </c>
      <c r="X4" s="1">
        <v>0.84</v>
      </c>
      <c r="Y4" s="1">
        <v>9.1999999999999998E-2</v>
      </c>
      <c r="Z4" s="1">
        <v>4.0000000000000001E-3</v>
      </c>
      <c r="AA4" s="1" t="s">
        <v>552</v>
      </c>
      <c r="AB4" s="1" t="s">
        <v>553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43</v>
      </c>
      <c r="BD4" s="1">
        <v>0.48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7.8E-2</v>
      </c>
      <c r="BO4" s="1"/>
      <c r="BP4" s="1"/>
      <c r="BQ4" s="1">
        <v>27.4</v>
      </c>
      <c r="BR4" s="1"/>
      <c r="BS4" s="1"/>
      <c r="BT4" s="1">
        <v>1.4</v>
      </c>
      <c r="BU4" s="1"/>
      <c r="BV4" s="1"/>
      <c r="BW4" s="1"/>
      <c r="BX4" s="1"/>
      <c r="BY4" s="1"/>
      <c r="BZ4" s="1"/>
    </row>
    <row r="5" spans="1:78" x14ac:dyDescent="0.15">
      <c r="B5" s="2">
        <v>0.44444444444444442</v>
      </c>
      <c r="C5" s="1" t="s">
        <v>485</v>
      </c>
      <c r="G5" s="1" t="s">
        <v>38</v>
      </c>
      <c r="J5" s="1" t="s">
        <v>39</v>
      </c>
      <c r="P5" s="1" t="s">
        <v>35</v>
      </c>
      <c r="Q5" s="1" t="s">
        <v>40</v>
      </c>
      <c r="S5" s="1" t="s">
        <v>41</v>
      </c>
      <c r="U5" s="1">
        <v>7.8</v>
      </c>
      <c r="V5" s="1"/>
      <c r="W5" s="1"/>
      <c r="X5" s="1">
        <v>0.22</v>
      </c>
      <c r="Y5" s="1">
        <v>2.5000000000000001E-2</v>
      </c>
      <c r="Z5" s="1">
        <v>1.1000000000000001E-3</v>
      </c>
      <c r="AA5" s="1" t="s">
        <v>552</v>
      </c>
      <c r="AB5" s="1" t="s">
        <v>554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11</v>
      </c>
      <c r="BD5" s="1">
        <v>0.16</v>
      </c>
      <c r="BE5" s="1"/>
      <c r="BF5" s="1"/>
      <c r="BG5" s="1"/>
      <c r="BH5" s="1"/>
      <c r="BI5" s="1"/>
      <c r="BJ5" s="1"/>
      <c r="BK5" s="1"/>
      <c r="BL5" s="1"/>
      <c r="BM5" s="1">
        <v>0.05</v>
      </c>
      <c r="BN5" s="1">
        <v>1.2999999999999999E-2</v>
      </c>
      <c r="BO5" s="1"/>
      <c r="BP5" s="1"/>
      <c r="BQ5" s="1">
        <v>34.22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/>
      <c r="B6" s="2">
        <v>0.44444444444444442</v>
      </c>
      <c r="C6" s="1" t="s">
        <v>551</v>
      </c>
      <c r="D6" s="1"/>
      <c r="E6" s="1"/>
      <c r="F6" s="1"/>
      <c r="G6" s="1"/>
      <c r="H6" s="1"/>
      <c r="I6" s="1"/>
      <c r="J6" s="1">
        <v>4.5999999999999996</v>
      </c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 t="s">
        <v>555</v>
      </c>
      <c r="AB6" s="1" t="s">
        <v>555</v>
      </c>
      <c r="AC6" s="1" t="s">
        <v>515</v>
      </c>
      <c r="AD6" s="1" t="s">
        <v>516</v>
      </c>
      <c r="AE6" s="1" t="s">
        <v>517</v>
      </c>
      <c r="AF6" s="1" t="s">
        <v>518</v>
      </c>
      <c r="AG6" s="1" t="s">
        <v>519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2</v>
      </c>
      <c r="B7" s="2">
        <v>0.4458333333333333</v>
      </c>
      <c r="C7" s="1" t="s">
        <v>483</v>
      </c>
      <c r="D7" s="1" t="s">
        <v>27</v>
      </c>
      <c r="E7" s="1" t="s">
        <v>484</v>
      </c>
      <c r="F7" s="1" t="s">
        <v>43</v>
      </c>
      <c r="G7" s="1" t="s">
        <v>44</v>
      </c>
      <c r="J7" s="1" t="s">
        <v>30</v>
      </c>
      <c r="K7" s="1" t="s">
        <v>36</v>
      </c>
      <c r="M7" s="1" t="s">
        <v>45</v>
      </c>
      <c r="N7" s="1" t="s">
        <v>33</v>
      </c>
      <c r="O7" s="1" t="s">
        <v>46</v>
      </c>
      <c r="P7" s="1" t="s">
        <v>35</v>
      </c>
      <c r="Q7" s="1" t="s">
        <v>36</v>
      </c>
      <c r="S7" s="1" t="s">
        <v>47</v>
      </c>
      <c r="U7" s="1">
        <v>8.1</v>
      </c>
      <c r="V7" s="3">
        <v>140</v>
      </c>
      <c r="W7" s="1" t="s">
        <v>514</v>
      </c>
      <c r="X7" s="1">
        <v>2.2999999999999998</v>
      </c>
      <c r="Y7" s="1">
        <v>0.27</v>
      </c>
      <c r="Z7" s="1"/>
      <c r="AA7" s="1" t="s">
        <v>555</v>
      </c>
      <c r="AB7" s="1" t="s">
        <v>555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2</v>
      </c>
      <c r="BC7" s="1">
        <v>0.4</v>
      </c>
      <c r="BD7" s="1">
        <v>0.45</v>
      </c>
      <c r="BE7" s="1"/>
      <c r="BF7" s="1"/>
      <c r="BG7" s="1"/>
      <c r="BH7" s="1"/>
      <c r="BI7" s="1"/>
      <c r="BJ7" s="1"/>
      <c r="BK7" s="1"/>
      <c r="BL7" s="1"/>
      <c r="BM7" s="1">
        <v>0.32</v>
      </c>
      <c r="BN7" s="1">
        <v>0.24</v>
      </c>
      <c r="BO7" s="1"/>
      <c r="BP7" s="1"/>
      <c r="BQ7" s="1">
        <v>22.2</v>
      </c>
      <c r="BR7" s="1"/>
      <c r="BS7" s="1"/>
      <c r="BT7" s="1">
        <v>1</v>
      </c>
      <c r="BU7" s="1"/>
      <c r="BV7" s="1"/>
      <c r="BW7" s="1"/>
      <c r="BX7" s="1"/>
      <c r="BY7" s="1"/>
      <c r="BZ7" s="1"/>
    </row>
    <row r="8" spans="1:78" x14ac:dyDescent="0.15">
      <c r="B8" s="2">
        <v>0.4458333333333333</v>
      </c>
      <c r="C8" s="1" t="s">
        <v>485</v>
      </c>
      <c r="G8" s="1" t="s">
        <v>48</v>
      </c>
      <c r="J8" s="1" t="s">
        <v>49</v>
      </c>
      <c r="P8" s="1" t="s">
        <v>35</v>
      </c>
      <c r="Q8" s="1" t="s">
        <v>40</v>
      </c>
      <c r="S8" s="1" t="s">
        <v>50</v>
      </c>
      <c r="U8" s="1">
        <v>8.3000000000000007</v>
      </c>
      <c r="V8" s="1"/>
      <c r="W8" s="1"/>
      <c r="X8" s="1">
        <v>0.47</v>
      </c>
      <c r="Y8" s="1">
        <v>2.1999999999999999E-2</v>
      </c>
      <c r="Z8" s="1"/>
      <c r="AA8" s="1" t="s">
        <v>555</v>
      </c>
      <c r="AB8" s="1" t="s">
        <v>555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>
        <v>0.24</v>
      </c>
      <c r="BD8" s="1">
        <v>0.28999999999999998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0.02</v>
      </c>
      <c r="BO8" s="1"/>
      <c r="BP8" s="1"/>
      <c r="BQ8" s="1">
        <v>33.85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/>
      <c r="B9" s="2">
        <v>0.4458333333333333</v>
      </c>
      <c r="C9" s="1" t="s">
        <v>551</v>
      </c>
      <c r="D9" s="1"/>
      <c r="E9" s="1"/>
      <c r="F9" s="1"/>
      <c r="G9" s="1"/>
      <c r="H9" s="1"/>
      <c r="I9" s="1"/>
      <c r="J9" s="1">
        <v>3.8</v>
      </c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 t="s">
        <v>555</v>
      </c>
      <c r="AB9" s="1" t="s">
        <v>555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611111111111111</v>
      </c>
      <c r="C10" s="1" t="s">
        <v>483</v>
      </c>
      <c r="D10" s="1" t="s">
        <v>52</v>
      </c>
      <c r="E10" s="1" t="s">
        <v>53</v>
      </c>
      <c r="F10" s="1" t="s">
        <v>54</v>
      </c>
      <c r="G10" s="1" t="s">
        <v>55</v>
      </c>
      <c r="J10" s="1" t="s">
        <v>30</v>
      </c>
      <c r="K10" s="1" t="s">
        <v>39</v>
      </c>
      <c r="M10" s="1" t="s">
        <v>56</v>
      </c>
      <c r="N10" s="1" t="s">
        <v>33</v>
      </c>
      <c r="O10" s="1" t="s">
        <v>57</v>
      </c>
      <c r="P10" s="1" t="s">
        <v>35</v>
      </c>
      <c r="Q10" s="1" t="s">
        <v>58</v>
      </c>
      <c r="S10" s="1" t="s">
        <v>59</v>
      </c>
      <c r="U10" s="1">
        <v>8</v>
      </c>
      <c r="V10" s="3">
        <v>110</v>
      </c>
      <c r="W10" s="1" t="s">
        <v>514</v>
      </c>
      <c r="X10" s="1">
        <v>1.7</v>
      </c>
      <c r="Y10" s="1">
        <v>9.5000000000000001E-2</v>
      </c>
      <c r="Z10" s="1">
        <v>7.1999999999999998E-3</v>
      </c>
      <c r="AA10" s="1" t="s">
        <v>552</v>
      </c>
      <c r="AB10" s="1" t="s">
        <v>55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4</v>
      </c>
      <c r="BC10" s="1">
        <v>0.88</v>
      </c>
      <c r="BD10" s="1">
        <v>0.93</v>
      </c>
      <c r="BE10" s="1"/>
      <c r="BF10" s="1"/>
      <c r="BG10" s="1"/>
      <c r="BH10" s="1"/>
      <c r="BI10" s="1"/>
      <c r="BJ10" s="1"/>
      <c r="BK10" s="1"/>
      <c r="BL10" s="1"/>
      <c r="BM10" s="1">
        <v>0.3</v>
      </c>
      <c r="BN10" s="1">
        <v>8.1000000000000003E-2</v>
      </c>
      <c r="BO10" s="1"/>
      <c r="BP10" s="1"/>
      <c r="BQ10" s="1">
        <v>26.26</v>
      </c>
      <c r="BR10" s="1"/>
      <c r="BS10" s="1"/>
      <c r="BT10" s="1">
        <v>2.4</v>
      </c>
      <c r="BU10" s="1"/>
      <c r="BV10" s="1"/>
      <c r="BW10" s="1"/>
      <c r="BX10" s="1"/>
      <c r="BY10" s="1"/>
      <c r="BZ10" s="1"/>
    </row>
    <row r="11" spans="1:78" x14ac:dyDescent="0.15">
      <c r="B11" s="2">
        <v>0.3611111111111111</v>
      </c>
      <c r="C11" s="1" t="s">
        <v>485</v>
      </c>
      <c r="G11" s="1" t="s">
        <v>60</v>
      </c>
      <c r="J11" s="1" t="s">
        <v>61</v>
      </c>
      <c r="P11" s="1" t="s">
        <v>35</v>
      </c>
      <c r="Q11" s="1" t="s">
        <v>58</v>
      </c>
      <c r="S11" s="1" t="s">
        <v>62</v>
      </c>
      <c r="U11" s="1">
        <v>8.5</v>
      </c>
      <c r="V11" s="1"/>
      <c r="W11" s="1"/>
      <c r="X11" s="1">
        <v>0.3</v>
      </c>
      <c r="Y11" s="1">
        <v>1.4E-2</v>
      </c>
      <c r="Z11" s="1">
        <v>6.0000000000000001E-3</v>
      </c>
      <c r="AA11" s="1" t="s">
        <v>552</v>
      </c>
      <c r="AB11" s="1" t="s">
        <v>557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19</v>
      </c>
      <c r="BD11" s="1">
        <v>0.24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>
        <v>1.2E-2</v>
      </c>
      <c r="BO11" s="1"/>
      <c r="BP11" s="1"/>
      <c r="BQ11" s="1">
        <v>33.68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/>
      <c r="B12" s="2">
        <v>0.40277777777777773</v>
      </c>
      <c r="C12" s="1" t="s">
        <v>551</v>
      </c>
      <c r="D12" s="1"/>
      <c r="E12" s="1"/>
      <c r="F12" s="1"/>
      <c r="G12" s="1"/>
      <c r="H12" s="1"/>
      <c r="I12" s="1"/>
      <c r="J12" s="1">
        <v>4.0999999999999996</v>
      </c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18</v>
      </c>
      <c r="AG12" s="1" t="s">
        <v>519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46180555555555558</v>
      </c>
      <c r="C13" s="1" t="s">
        <v>483</v>
      </c>
      <c r="D13" s="1" t="s">
        <v>64</v>
      </c>
      <c r="E13" s="1" t="s">
        <v>53</v>
      </c>
      <c r="F13" s="1" t="s">
        <v>65</v>
      </c>
      <c r="G13" s="1" t="s">
        <v>66</v>
      </c>
      <c r="J13" s="1" t="s">
        <v>30</v>
      </c>
      <c r="K13" s="1" t="s">
        <v>36</v>
      </c>
      <c r="M13" s="1" t="s">
        <v>67</v>
      </c>
      <c r="N13" s="1" t="s">
        <v>33</v>
      </c>
      <c r="O13" s="1" t="s">
        <v>57</v>
      </c>
      <c r="P13" s="1" t="s">
        <v>35</v>
      </c>
      <c r="Q13" s="1" t="s">
        <v>68</v>
      </c>
      <c r="S13" s="1" t="s">
        <v>69</v>
      </c>
      <c r="U13" s="1">
        <v>8.6999999999999993</v>
      </c>
      <c r="V13" s="3">
        <v>140</v>
      </c>
      <c r="W13" s="1" t="s">
        <v>514</v>
      </c>
      <c r="X13" s="1">
        <v>0.65</v>
      </c>
      <c r="Y13" s="1">
        <v>4.8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3</v>
      </c>
      <c r="BC13" s="1">
        <v>0.28999999999999998</v>
      </c>
      <c r="BD13" s="1">
        <v>0.34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3.4000000000000002E-2</v>
      </c>
      <c r="BO13" s="1"/>
      <c r="BP13" s="1"/>
      <c r="BQ13" s="1">
        <v>28.54</v>
      </c>
      <c r="BR13" s="1"/>
      <c r="BS13" s="1"/>
      <c r="BT13" s="1">
        <v>21</v>
      </c>
      <c r="BU13" s="1"/>
      <c r="BV13" s="1"/>
      <c r="BW13" s="1"/>
      <c r="BX13" s="1"/>
      <c r="BY13" s="1"/>
      <c r="BZ13" s="1"/>
    </row>
    <row r="14" spans="1:78" x14ac:dyDescent="0.15">
      <c r="B14" s="2">
        <v>0.46180555555555558</v>
      </c>
      <c r="C14" s="1" t="s">
        <v>485</v>
      </c>
      <c r="G14" s="1" t="s">
        <v>70</v>
      </c>
      <c r="J14" s="1" t="s">
        <v>49</v>
      </c>
      <c r="P14" s="1" t="s">
        <v>35</v>
      </c>
      <c r="Q14" s="1" t="s">
        <v>58</v>
      </c>
      <c r="S14" s="1" t="s">
        <v>71</v>
      </c>
      <c r="U14" s="1">
        <v>7.3</v>
      </c>
      <c r="V14" s="1"/>
      <c r="W14" s="1"/>
      <c r="X14" s="1">
        <v>0.3</v>
      </c>
      <c r="Y14" s="1">
        <v>2.7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0.15</v>
      </c>
      <c r="BD14" s="1">
        <v>0.2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2.3E-2</v>
      </c>
      <c r="BO14" s="1"/>
      <c r="BP14" s="1"/>
      <c r="BQ14" s="1">
        <v>31.92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/>
      <c r="B15" s="2">
        <v>0.46180555555555558</v>
      </c>
      <c r="C15" s="1" t="s">
        <v>551</v>
      </c>
      <c r="D15" s="1"/>
      <c r="E15" s="1"/>
      <c r="F15" s="1"/>
      <c r="G15" s="1"/>
      <c r="H15" s="1"/>
      <c r="I15" s="1"/>
      <c r="J15" s="1">
        <v>3.8</v>
      </c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3611111111111111</v>
      </c>
      <c r="C16" s="1" t="s">
        <v>483</v>
      </c>
      <c r="D16" s="1" t="s">
        <v>73</v>
      </c>
      <c r="E16" s="1" t="s">
        <v>53</v>
      </c>
      <c r="F16" s="1" t="s">
        <v>74</v>
      </c>
      <c r="G16" s="1" t="s">
        <v>75</v>
      </c>
      <c r="J16" s="1" t="s">
        <v>30</v>
      </c>
      <c r="K16" s="1" t="s">
        <v>76</v>
      </c>
      <c r="M16" s="1" t="s">
        <v>77</v>
      </c>
      <c r="N16" s="1" t="s">
        <v>33</v>
      </c>
      <c r="O16" s="1" t="s">
        <v>57</v>
      </c>
      <c r="P16" s="1" t="s">
        <v>35</v>
      </c>
      <c r="Q16" s="1" t="s">
        <v>68</v>
      </c>
      <c r="S16" s="1" t="s">
        <v>78</v>
      </c>
      <c r="U16" s="1">
        <v>11.1</v>
      </c>
      <c r="V16" s="3">
        <v>110</v>
      </c>
      <c r="W16" s="1" t="s">
        <v>514</v>
      </c>
      <c r="X16" s="1">
        <v>1</v>
      </c>
      <c r="Y16" s="1">
        <v>5.5E-2</v>
      </c>
      <c r="Z16" s="1">
        <v>6.1999999999999998E-3</v>
      </c>
      <c r="AA16" s="1" t="s">
        <v>552</v>
      </c>
      <c r="AB16" s="1" t="s">
        <v>532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36</v>
      </c>
      <c r="BD16" s="1">
        <v>0.41</v>
      </c>
      <c r="BE16" s="1"/>
      <c r="BF16" s="1"/>
      <c r="BG16" s="1"/>
      <c r="BH16" s="1"/>
      <c r="BI16" s="1"/>
      <c r="BJ16" s="1"/>
      <c r="BK16" s="1"/>
      <c r="BL16" s="1"/>
      <c r="BM16" s="1">
        <v>0.19</v>
      </c>
      <c r="BN16" s="1">
        <v>2.8000000000000001E-2</v>
      </c>
      <c r="BO16" s="1"/>
      <c r="BP16" s="1"/>
      <c r="BQ16" s="1">
        <v>26.93</v>
      </c>
      <c r="BR16" s="1" t="s">
        <v>537</v>
      </c>
      <c r="BS16" s="1"/>
      <c r="BT16" s="1">
        <v>14</v>
      </c>
      <c r="BU16" s="1"/>
      <c r="BV16" s="1"/>
      <c r="BW16" s="1"/>
      <c r="BX16" s="1"/>
      <c r="BY16" s="1"/>
      <c r="BZ16" s="1"/>
    </row>
    <row r="17" spans="1:78" x14ac:dyDescent="0.15">
      <c r="B17" s="2">
        <v>0.3611111111111111</v>
      </c>
      <c r="C17" s="1" t="s">
        <v>485</v>
      </c>
      <c r="G17" s="1" t="s">
        <v>79</v>
      </c>
      <c r="J17" s="1" t="s">
        <v>36</v>
      </c>
      <c r="P17" s="1" t="s">
        <v>35</v>
      </c>
      <c r="Q17" s="1" t="s">
        <v>58</v>
      </c>
      <c r="S17" s="1" t="s">
        <v>80</v>
      </c>
      <c r="U17" s="1">
        <v>7.2</v>
      </c>
      <c r="V17" s="1"/>
      <c r="W17" s="1"/>
      <c r="X17" s="1">
        <v>0.2</v>
      </c>
      <c r="Y17" s="1">
        <v>1.0999999999999999E-2</v>
      </c>
      <c r="Z17" s="1">
        <v>5.1000000000000004E-3</v>
      </c>
      <c r="AA17" s="1" t="s">
        <v>552</v>
      </c>
      <c r="AB17" s="1" t="s">
        <v>55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7.0000000000000007E-2</v>
      </c>
      <c r="BD17" s="1">
        <v>0.12</v>
      </c>
      <c r="BE17" s="1"/>
      <c r="BF17" s="1"/>
      <c r="BG17" s="1"/>
      <c r="BH17" s="1"/>
      <c r="BI17" s="1"/>
      <c r="BJ17" s="1"/>
      <c r="BK17" s="1"/>
      <c r="BL17" s="1"/>
      <c r="BM17" s="1">
        <v>0.06</v>
      </c>
      <c r="BN17" s="1">
        <v>7.0000000000000001E-3</v>
      </c>
      <c r="BO17" s="1"/>
      <c r="BP17" s="1"/>
      <c r="BQ17" s="1">
        <v>33.130000000000003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3611111111111111</v>
      </c>
      <c r="C18" s="1" t="s">
        <v>551</v>
      </c>
      <c r="D18" s="1"/>
      <c r="E18" s="1"/>
      <c r="F18" s="1"/>
      <c r="G18" s="1"/>
      <c r="H18" s="1"/>
      <c r="I18" s="1"/>
      <c r="J18" s="1">
        <v>4.3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 t="s">
        <v>555</v>
      </c>
      <c r="AB18" s="1" t="s">
        <v>555</v>
      </c>
      <c r="AC18" s="1" t="s">
        <v>515</v>
      </c>
      <c r="AD18" s="1" t="s">
        <v>516</v>
      </c>
      <c r="AE18" s="1" t="s">
        <v>517</v>
      </c>
      <c r="AF18" s="1" t="s">
        <v>518</v>
      </c>
      <c r="AG18" s="1" t="s">
        <v>519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9</v>
      </c>
      <c r="AZ18" s="1"/>
      <c r="BA18" s="1"/>
      <c r="BB18" s="1"/>
      <c r="BC18" s="1"/>
      <c r="BD18" s="1"/>
      <c r="BE18" s="1"/>
      <c r="BF18" s="1" t="s">
        <v>522</v>
      </c>
      <c r="BG18" s="1" t="s">
        <v>517</v>
      </c>
      <c r="BH18" s="1">
        <v>0.04</v>
      </c>
      <c r="BI18" s="1">
        <v>8.0000000000000004E-4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1</v>
      </c>
      <c r="B19" s="2">
        <v>0.44097222222222227</v>
      </c>
      <c r="C19" s="1" t="s">
        <v>483</v>
      </c>
      <c r="D19" s="1" t="s">
        <v>64</v>
      </c>
      <c r="E19" s="1" t="s">
        <v>53</v>
      </c>
      <c r="F19" s="1" t="s">
        <v>79</v>
      </c>
      <c r="G19" s="1" t="s">
        <v>82</v>
      </c>
      <c r="J19" s="1" t="s">
        <v>30</v>
      </c>
      <c r="K19" s="1" t="s">
        <v>83</v>
      </c>
      <c r="M19" s="1" t="s">
        <v>77</v>
      </c>
      <c r="N19" s="1" t="s">
        <v>33</v>
      </c>
      <c r="O19" s="1" t="s">
        <v>84</v>
      </c>
      <c r="P19" s="1" t="s">
        <v>35</v>
      </c>
      <c r="Q19" s="1" t="s">
        <v>40</v>
      </c>
      <c r="S19" s="1" t="s">
        <v>62</v>
      </c>
      <c r="U19" s="1">
        <v>6.6</v>
      </c>
      <c r="V19" s="3">
        <v>490</v>
      </c>
      <c r="W19" s="1" t="s">
        <v>514</v>
      </c>
      <c r="X19" s="1">
        <v>0.86</v>
      </c>
      <c r="Y19" s="1">
        <v>0.1</v>
      </c>
      <c r="Z19" s="1"/>
      <c r="AA19" s="1" t="s">
        <v>555</v>
      </c>
      <c r="AB19" s="1" t="s">
        <v>555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0.39</v>
      </c>
      <c r="BD19" s="1">
        <v>0.44</v>
      </c>
      <c r="BE19" s="1"/>
      <c r="BF19" s="1"/>
      <c r="BG19" s="1"/>
      <c r="BH19" s="1"/>
      <c r="BI19" s="1"/>
      <c r="BJ19" s="1"/>
      <c r="BK19" s="1"/>
      <c r="BL19" s="1"/>
      <c r="BM19" s="1">
        <v>0.09</v>
      </c>
      <c r="BN19" s="1">
        <v>8.5000000000000006E-2</v>
      </c>
      <c r="BO19" s="1"/>
      <c r="BP19" s="1"/>
      <c r="BQ19" s="1">
        <v>28.68</v>
      </c>
      <c r="BR19" s="1"/>
      <c r="BS19" s="1"/>
      <c r="BT19" s="1">
        <v>1.6</v>
      </c>
      <c r="BU19" s="1"/>
      <c r="BV19" s="1"/>
      <c r="BW19" s="1"/>
      <c r="BX19" s="1"/>
      <c r="BY19" s="1"/>
      <c r="BZ19" s="1"/>
    </row>
    <row r="20" spans="1:78" x14ac:dyDescent="0.15">
      <c r="B20" s="2">
        <v>0.44097222222222227</v>
      </c>
      <c r="C20" s="1" t="s">
        <v>485</v>
      </c>
      <c r="G20" s="1" t="s">
        <v>85</v>
      </c>
      <c r="J20" s="1" t="s">
        <v>86</v>
      </c>
      <c r="P20" s="1" t="s">
        <v>35</v>
      </c>
      <c r="Q20" s="1" t="s">
        <v>58</v>
      </c>
      <c r="S20" s="1" t="s">
        <v>87</v>
      </c>
      <c r="U20" s="1">
        <v>6.8</v>
      </c>
      <c r="V20" s="1"/>
      <c r="W20" s="1"/>
      <c r="X20" s="1">
        <v>0.47</v>
      </c>
      <c r="Y20" s="1">
        <v>4.5999999999999999E-2</v>
      </c>
      <c r="Z20" s="1"/>
      <c r="AA20" s="1" t="s">
        <v>555</v>
      </c>
      <c r="AB20" s="1" t="s">
        <v>555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27</v>
      </c>
      <c r="BD20" s="1">
        <v>0.32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3.3000000000000002E-2</v>
      </c>
      <c r="BO20" s="1"/>
      <c r="BP20" s="1"/>
      <c r="BQ20" s="1">
        <v>29.69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44097222222222227</v>
      </c>
      <c r="C21" s="1" t="s">
        <v>551</v>
      </c>
      <c r="D21" s="1"/>
      <c r="E21" s="1"/>
      <c r="F21" s="1"/>
      <c r="G21" s="1"/>
      <c r="H21" s="1"/>
      <c r="I21" s="1"/>
      <c r="J21" s="1">
        <v>3.7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 t="s">
        <v>555</v>
      </c>
      <c r="AB21" s="1" t="s">
        <v>555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3576388888888889</v>
      </c>
      <c r="C22" s="1" t="s">
        <v>483</v>
      </c>
      <c r="D22" s="1" t="s">
        <v>64</v>
      </c>
      <c r="E22" s="1" t="s">
        <v>53</v>
      </c>
      <c r="F22" s="1" t="s">
        <v>89</v>
      </c>
      <c r="G22" s="1" t="s">
        <v>90</v>
      </c>
      <c r="J22" s="1" t="s">
        <v>30</v>
      </c>
      <c r="K22" s="1" t="s">
        <v>91</v>
      </c>
      <c r="M22" s="1" t="s">
        <v>56</v>
      </c>
      <c r="N22" s="1" t="s">
        <v>33</v>
      </c>
      <c r="O22" s="1" t="s">
        <v>34</v>
      </c>
      <c r="P22" s="1" t="s">
        <v>35</v>
      </c>
      <c r="Q22" s="1" t="s">
        <v>40</v>
      </c>
      <c r="S22" s="1" t="s">
        <v>62</v>
      </c>
      <c r="U22" s="1">
        <v>6.9</v>
      </c>
      <c r="V22" s="3">
        <v>1700</v>
      </c>
      <c r="W22" s="1" t="s">
        <v>514</v>
      </c>
      <c r="X22" s="1">
        <v>0.55000000000000004</v>
      </c>
      <c r="Y22" s="1">
        <v>4.2999999999999997E-2</v>
      </c>
      <c r="Z22" s="1">
        <v>5.7999999999999996E-3</v>
      </c>
      <c r="AA22" s="1" t="s">
        <v>552</v>
      </c>
      <c r="AB22" s="1" t="s">
        <v>559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2</v>
      </c>
      <c r="BC22" s="1">
        <v>0.42</v>
      </c>
      <c r="BD22" s="1">
        <v>0.47</v>
      </c>
      <c r="BE22" s="1"/>
      <c r="BF22" s="1"/>
      <c r="BG22" s="1"/>
      <c r="BH22" s="1"/>
      <c r="BI22" s="1"/>
      <c r="BJ22" s="1"/>
      <c r="BK22" s="1"/>
      <c r="BL22" s="1"/>
      <c r="BM22" s="1">
        <v>0.05</v>
      </c>
      <c r="BN22" s="1">
        <v>3.5000000000000003E-2</v>
      </c>
      <c r="BO22" s="1"/>
      <c r="BP22" s="1"/>
      <c r="BQ22" s="1">
        <v>29.51</v>
      </c>
      <c r="BR22" s="1"/>
      <c r="BS22" s="1"/>
      <c r="BT22" s="1">
        <v>0.8</v>
      </c>
      <c r="BU22" s="1"/>
      <c r="BV22" s="1"/>
      <c r="BW22" s="1"/>
      <c r="BX22" s="1"/>
      <c r="BY22" s="1"/>
      <c r="BZ22" s="1"/>
    </row>
    <row r="23" spans="1:78" x14ac:dyDescent="0.15">
      <c r="B23" s="2">
        <v>0.3576388888888889</v>
      </c>
      <c r="C23" s="1" t="s">
        <v>485</v>
      </c>
      <c r="G23" s="1" t="s">
        <v>55</v>
      </c>
      <c r="J23" s="1" t="s">
        <v>92</v>
      </c>
      <c r="P23" s="1" t="s">
        <v>35</v>
      </c>
      <c r="Q23" s="1" t="s">
        <v>40</v>
      </c>
      <c r="S23" s="1" t="s">
        <v>93</v>
      </c>
      <c r="U23" s="1">
        <v>6.8</v>
      </c>
      <c r="V23" s="1"/>
      <c r="W23" s="1"/>
      <c r="X23" s="1">
        <v>0.36</v>
      </c>
      <c r="Y23" s="1">
        <v>2.7E-2</v>
      </c>
      <c r="Z23" s="1">
        <v>5.7999999999999996E-3</v>
      </c>
      <c r="AA23" s="1" t="s">
        <v>552</v>
      </c>
      <c r="AB23" s="1" t="s">
        <v>560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14000000000000001</v>
      </c>
      <c r="BD23" s="1">
        <v>0.1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7999999999999999E-2</v>
      </c>
      <c r="BO23" s="1"/>
      <c r="BP23" s="1"/>
      <c r="BQ23" s="1">
        <v>31.7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576388888888889</v>
      </c>
      <c r="C24" s="1" t="s">
        <v>551</v>
      </c>
      <c r="D24" s="1"/>
      <c r="E24" s="1"/>
      <c r="F24" s="1"/>
      <c r="G24" s="1"/>
      <c r="H24" s="1"/>
      <c r="I24" s="1"/>
      <c r="J24" s="1">
        <v>4.2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18</v>
      </c>
      <c r="AG24" s="1" t="s">
        <v>519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36458333333333331</v>
      </c>
      <c r="C25" s="1" t="s">
        <v>483</v>
      </c>
      <c r="D25" s="1" t="s">
        <v>64</v>
      </c>
      <c r="E25" s="1" t="s">
        <v>95</v>
      </c>
      <c r="F25" s="1" t="s">
        <v>96</v>
      </c>
      <c r="G25" s="1" t="s">
        <v>97</v>
      </c>
      <c r="J25" s="1" t="s">
        <v>30</v>
      </c>
      <c r="K25" s="1" t="s">
        <v>98</v>
      </c>
      <c r="M25" s="1" t="s">
        <v>99</v>
      </c>
      <c r="N25" s="1" t="s">
        <v>33</v>
      </c>
      <c r="O25" s="1" t="s">
        <v>34</v>
      </c>
      <c r="P25" s="1" t="s">
        <v>35</v>
      </c>
      <c r="Q25" s="1" t="s">
        <v>58</v>
      </c>
      <c r="S25" s="1" t="s">
        <v>100</v>
      </c>
      <c r="U25" s="1">
        <v>7</v>
      </c>
      <c r="V25" s="3">
        <v>240</v>
      </c>
      <c r="W25" s="1" t="s">
        <v>514</v>
      </c>
      <c r="X25" s="1">
        <v>0.28999999999999998</v>
      </c>
      <c r="Y25" s="1">
        <v>1.7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11</v>
      </c>
      <c r="BD25" s="1">
        <v>0.16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8.9999999999999993E-3</v>
      </c>
      <c r="BO25" s="1"/>
      <c r="BP25" s="1"/>
      <c r="BQ25" s="1">
        <v>33.380000000000003</v>
      </c>
      <c r="BR25" s="1"/>
      <c r="BS25" s="1"/>
      <c r="BT25" s="1">
        <v>1.5</v>
      </c>
      <c r="BU25" s="1"/>
      <c r="BV25" s="1"/>
      <c r="BW25" s="1"/>
      <c r="BX25" s="1"/>
      <c r="BY25" s="1"/>
      <c r="BZ25" s="1"/>
    </row>
    <row r="26" spans="1:78" x14ac:dyDescent="0.15">
      <c r="B26" s="2">
        <v>0.36458333333333331</v>
      </c>
      <c r="C26" s="1" t="s">
        <v>485</v>
      </c>
      <c r="G26" s="1" t="s">
        <v>101</v>
      </c>
      <c r="J26" s="1" t="s">
        <v>102</v>
      </c>
      <c r="P26" s="1" t="s">
        <v>35</v>
      </c>
      <c r="Q26" s="1" t="s">
        <v>58</v>
      </c>
      <c r="S26" s="1" t="s">
        <v>100</v>
      </c>
      <c r="U26" s="1">
        <v>6.9</v>
      </c>
      <c r="V26" s="1"/>
      <c r="W26" s="1"/>
      <c r="X26" s="1">
        <v>0.13</v>
      </c>
      <c r="Y26" s="1">
        <v>1.7000000000000001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3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0000000000000002E-3</v>
      </c>
      <c r="BO26" s="1"/>
      <c r="BP26" s="1"/>
      <c r="BQ26" s="1">
        <v>33.82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6458333333333331</v>
      </c>
      <c r="C27" s="1" t="s">
        <v>551</v>
      </c>
      <c r="D27" s="1"/>
      <c r="E27" s="1"/>
      <c r="F27" s="1"/>
      <c r="G27" s="1"/>
      <c r="H27" s="1"/>
      <c r="I27" s="1"/>
      <c r="J27" s="1">
        <v>4.0999999999999996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03</v>
      </c>
      <c r="B28" s="2">
        <v>0.3611111111111111</v>
      </c>
      <c r="C28" s="1" t="s">
        <v>483</v>
      </c>
      <c r="D28" s="1" t="s">
        <v>64</v>
      </c>
      <c r="E28" s="1" t="s">
        <v>486</v>
      </c>
      <c r="F28" s="1" t="s">
        <v>104</v>
      </c>
      <c r="G28" s="1" t="s">
        <v>104</v>
      </c>
      <c r="J28" s="1" t="s">
        <v>30</v>
      </c>
      <c r="K28" s="1" t="s">
        <v>40</v>
      </c>
      <c r="M28" s="1" t="s">
        <v>32</v>
      </c>
      <c r="N28" s="1" t="s">
        <v>33</v>
      </c>
      <c r="O28" s="1" t="s">
        <v>34</v>
      </c>
      <c r="P28" s="1" t="s">
        <v>35</v>
      </c>
      <c r="Q28" s="1" t="s">
        <v>58</v>
      </c>
      <c r="S28" s="1" t="s">
        <v>41</v>
      </c>
      <c r="U28" s="1">
        <v>7.1</v>
      </c>
      <c r="V28" s="3">
        <v>240</v>
      </c>
      <c r="W28" s="1" t="s">
        <v>514</v>
      </c>
      <c r="X28" s="1">
        <v>0.28999999999999998</v>
      </c>
      <c r="Y28" s="1">
        <v>2.5999999999999999E-2</v>
      </c>
      <c r="Z28" s="1">
        <v>6.4000000000000003E-3</v>
      </c>
      <c r="AA28" t="s">
        <v>552</v>
      </c>
      <c r="AB28" t="s">
        <v>561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9</v>
      </c>
      <c r="BD28" s="1">
        <v>0.14000000000000001</v>
      </c>
      <c r="BF28" s="1"/>
      <c r="BG28" s="1"/>
      <c r="BH28" s="1"/>
      <c r="BI28" s="1"/>
      <c r="BJ28" s="1"/>
      <c r="BK28" s="1"/>
      <c r="BL28" s="1"/>
      <c r="BM28" s="1">
        <v>0.04</v>
      </c>
      <c r="BN28" s="1">
        <v>8.0000000000000002E-3</v>
      </c>
      <c r="BO28" s="1"/>
      <c r="BP28" s="1"/>
      <c r="BQ28" s="1">
        <v>33.43</v>
      </c>
      <c r="BR28" s="1"/>
      <c r="BS28" s="1"/>
      <c r="BT28" s="1">
        <v>1</v>
      </c>
      <c r="BU28" s="1"/>
      <c r="BV28" s="1"/>
      <c r="BW28" s="1"/>
      <c r="BX28" s="1"/>
      <c r="BY28" s="1"/>
      <c r="BZ28" s="1"/>
    </row>
    <row r="29" spans="1:78" x14ac:dyDescent="0.15">
      <c r="B29" s="2">
        <v>0.3611111111111111</v>
      </c>
      <c r="C29" s="1" t="s">
        <v>485</v>
      </c>
      <c r="G29" s="1" t="s">
        <v>105</v>
      </c>
      <c r="J29" s="1" t="s">
        <v>106</v>
      </c>
      <c r="P29" s="1" t="s">
        <v>35</v>
      </c>
      <c r="Q29" s="1" t="s">
        <v>58</v>
      </c>
      <c r="S29" s="1" t="s">
        <v>107</v>
      </c>
      <c r="U29" s="1">
        <v>6.8</v>
      </c>
      <c r="V29" s="1"/>
      <c r="W29" s="1"/>
      <c r="X29" s="1">
        <v>0.25</v>
      </c>
      <c r="Y29" s="1">
        <v>1.4E-2</v>
      </c>
      <c r="Z29" s="1">
        <v>6.7000000000000002E-3</v>
      </c>
      <c r="AA29" t="s">
        <v>552</v>
      </c>
      <c r="AB29" t="s">
        <v>562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05</v>
      </c>
      <c r="BD29" s="1">
        <v>0.1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3.0000000000000001E-3</v>
      </c>
      <c r="BO29" s="1"/>
      <c r="BP29" s="1"/>
      <c r="BQ29" s="1">
        <v>33.65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611111111111111</v>
      </c>
      <c r="C30" s="1" t="s">
        <v>551</v>
      </c>
      <c r="D30" s="1"/>
      <c r="E30" s="1"/>
      <c r="F30" s="1"/>
      <c r="G30" s="1"/>
      <c r="H30" s="1"/>
      <c r="I30" s="1"/>
      <c r="J30" s="1">
        <v>3.8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t="s">
        <v>555</v>
      </c>
      <c r="AB30" t="s">
        <v>555</v>
      </c>
      <c r="AC30" s="1" t="s">
        <v>515</v>
      </c>
      <c r="AD30" s="1" t="s">
        <v>516</v>
      </c>
      <c r="AE30" s="1" t="s">
        <v>517</v>
      </c>
      <c r="AF30" s="1" t="s">
        <v>518</v>
      </c>
      <c r="AG30" s="1" t="s">
        <v>519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8</v>
      </c>
      <c r="B31" s="2">
        <v>0.42638888888888887</v>
      </c>
      <c r="C31" s="1" t="s">
        <v>483</v>
      </c>
      <c r="D31" s="1" t="s">
        <v>27</v>
      </c>
      <c r="E31" s="1" t="s">
        <v>53</v>
      </c>
      <c r="F31" s="1" t="s">
        <v>92</v>
      </c>
      <c r="G31" s="1" t="s">
        <v>109</v>
      </c>
      <c r="J31" s="1" t="s">
        <v>30</v>
      </c>
      <c r="K31" s="1" t="s">
        <v>76</v>
      </c>
      <c r="M31" s="1" t="s">
        <v>110</v>
      </c>
      <c r="N31" s="1" t="s">
        <v>33</v>
      </c>
      <c r="O31" s="1" t="s">
        <v>34</v>
      </c>
      <c r="P31" s="1" t="s">
        <v>35</v>
      </c>
      <c r="Q31" s="1" t="s">
        <v>40</v>
      </c>
      <c r="S31" s="1" t="s">
        <v>50</v>
      </c>
      <c r="U31" s="1">
        <v>8.1999999999999993</v>
      </c>
      <c r="V31" s="1" t="s">
        <v>521</v>
      </c>
      <c r="W31" s="1" t="s">
        <v>514</v>
      </c>
      <c r="X31" s="1">
        <v>0.17</v>
      </c>
      <c r="Y31" s="1">
        <v>1.9E-2</v>
      </c>
      <c r="Z31" s="1"/>
      <c r="AA31" t="s">
        <v>555</v>
      </c>
      <c r="AB31" t="s">
        <v>555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1</v>
      </c>
      <c r="BD31" s="1">
        <v>0.15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4E-2</v>
      </c>
      <c r="BO31" s="1"/>
      <c r="BP31" s="1"/>
      <c r="BQ31" s="1">
        <v>33.42</v>
      </c>
      <c r="BR31" s="1"/>
      <c r="BS31" s="1"/>
      <c r="BT31" s="1">
        <v>0.6</v>
      </c>
      <c r="BU31" s="1"/>
      <c r="BV31" s="1"/>
      <c r="BW31" s="1"/>
      <c r="BX31" s="1"/>
      <c r="BY31" s="1"/>
      <c r="BZ31" s="1"/>
    </row>
    <row r="32" spans="1:78" x14ac:dyDescent="0.15">
      <c r="B32" s="2">
        <v>0.42638888888888887</v>
      </c>
      <c r="C32" s="1" t="s">
        <v>485</v>
      </c>
      <c r="G32" s="1" t="s">
        <v>111</v>
      </c>
      <c r="J32" s="1" t="s">
        <v>36</v>
      </c>
      <c r="P32" s="1" t="s">
        <v>35</v>
      </c>
      <c r="Q32" s="1" t="s">
        <v>40</v>
      </c>
      <c r="S32" s="1" t="s">
        <v>30</v>
      </c>
      <c r="U32" s="1">
        <v>7.3</v>
      </c>
      <c r="V32" s="1"/>
      <c r="W32" s="1"/>
      <c r="X32" s="1">
        <v>0.11</v>
      </c>
      <c r="Y32" s="1">
        <v>1.7999999999999999E-2</v>
      </c>
      <c r="Z32" s="1"/>
      <c r="AA32" t="s">
        <v>555</v>
      </c>
      <c r="AB32" t="s">
        <v>555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05</v>
      </c>
      <c r="BD32" s="1">
        <v>0.1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0999999999999999E-2</v>
      </c>
      <c r="BO32" s="1"/>
      <c r="BP32" s="1"/>
      <c r="BQ32" s="1">
        <v>33.6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/>
      <c r="B33" s="2">
        <v>0.42638888888888887</v>
      </c>
      <c r="C33" s="1" t="s">
        <v>551</v>
      </c>
      <c r="D33" s="1"/>
      <c r="E33" s="1"/>
      <c r="F33" s="1"/>
      <c r="G33" s="1"/>
      <c r="H33" s="1"/>
      <c r="I33" s="1"/>
      <c r="J33" s="1">
        <v>4.25</v>
      </c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t="s">
        <v>555</v>
      </c>
      <c r="AB33" t="s">
        <v>555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40277777777777773</v>
      </c>
      <c r="C34" s="1" t="s">
        <v>483</v>
      </c>
      <c r="D34" s="1" t="s">
        <v>113</v>
      </c>
      <c r="E34" s="1" t="s">
        <v>53</v>
      </c>
      <c r="F34" s="1" t="s">
        <v>114</v>
      </c>
      <c r="G34" s="1" t="s">
        <v>115</v>
      </c>
      <c r="J34" s="1" t="s">
        <v>30</v>
      </c>
      <c r="K34" s="1" t="s">
        <v>116</v>
      </c>
      <c r="M34" s="1" t="s">
        <v>36</v>
      </c>
      <c r="N34" s="1" t="s">
        <v>33</v>
      </c>
      <c r="O34" s="1" t="s">
        <v>34</v>
      </c>
      <c r="P34" s="1" t="s">
        <v>35</v>
      </c>
      <c r="Q34" s="1" t="s">
        <v>40</v>
      </c>
      <c r="S34" s="1" t="s">
        <v>41</v>
      </c>
      <c r="U34" s="1">
        <v>7.7</v>
      </c>
      <c r="V34" s="1" t="s">
        <v>521</v>
      </c>
      <c r="W34" s="1" t="s">
        <v>514</v>
      </c>
      <c r="X34" s="1">
        <v>0.42</v>
      </c>
      <c r="Y34" s="1">
        <v>0.04</v>
      </c>
      <c r="Z34" s="1">
        <v>2E-3</v>
      </c>
      <c r="AA34" t="s">
        <v>552</v>
      </c>
      <c r="AB34" t="s">
        <v>56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06</v>
      </c>
      <c r="BD34" s="1">
        <v>0.11</v>
      </c>
      <c r="BF34" s="1"/>
      <c r="BG34" s="1"/>
      <c r="BH34" s="1"/>
      <c r="BI34" s="1"/>
      <c r="BJ34" s="1"/>
      <c r="BK34" s="1"/>
      <c r="BL34" s="1"/>
      <c r="BM34" s="1">
        <v>0.14000000000000001</v>
      </c>
      <c r="BN34" s="1">
        <v>2.4E-2</v>
      </c>
      <c r="BO34" s="1"/>
      <c r="BP34" s="1"/>
      <c r="BQ34" s="1">
        <v>33.159999999999997</v>
      </c>
      <c r="BR34" s="1" t="s">
        <v>537</v>
      </c>
      <c r="BS34" s="1" t="s">
        <v>522</v>
      </c>
      <c r="BT34" s="1">
        <v>0.8</v>
      </c>
      <c r="BU34" s="1"/>
      <c r="BV34" s="1"/>
      <c r="BW34" s="1"/>
      <c r="BX34" s="1"/>
      <c r="BY34" s="1"/>
      <c r="BZ34" s="1"/>
    </row>
    <row r="35" spans="1:78" x14ac:dyDescent="0.15">
      <c r="B35" s="2">
        <v>0.40277777777777773</v>
      </c>
      <c r="C35" s="1" t="s">
        <v>485</v>
      </c>
      <c r="G35" s="1" t="s">
        <v>117</v>
      </c>
      <c r="J35" s="1" t="s">
        <v>76</v>
      </c>
      <c r="P35" s="1" t="s">
        <v>35</v>
      </c>
      <c r="Q35" s="1" t="s">
        <v>40</v>
      </c>
      <c r="S35" s="1" t="s">
        <v>50</v>
      </c>
      <c r="U35" s="1">
        <v>7.7</v>
      </c>
      <c r="V35" s="1"/>
      <c r="W35" s="1"/>
      <c r="X35" s="1">
        <v>0.27</v>
      </c>
      <c r="Y35" s="1">
        <v>2.7E-2</v>
      </c>
      <c r="Z35" s="1">
        <v>1.8E-3</v>
      </c>
      <c r="AA35" t="s">
        <v>552</v>
      </c>
      <c r="AB35" t="s">
        <v>564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0.02</v>
      </c>
      <c r="BO35" s="1"/>
      <c r="BP35" s="1"/>
      <c r="BQ35" s="1">
        <v>33.79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/>
      <c r="B36" s="2">
        <v>0.40277777777777773</v>
      </c>
      <c r="C36" s="1" t="s">
        <v>551</v>
      </c>
      <c r="D36" s="1"/>
      <c r="E36" s="1"/>
      <c r="F36" s="1"/>
      <c r="G36" s="1"/>
      <c r="H36" s="1"/>
      <c r="I36" s="1"/>
      <c r="J36" s="1">
        <v>4.8</v>
      </c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18</v>
      </c>
      <c r="AG36" s="1" t="s">
        <v>519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9</v>
      </c>
      <c r="AZ36" s="1"/>
      <c r="BA36" s="1"/>
      <c r="BB36" s="1"/>
      <c r="BC36" s="1"/>
      <c r="BD36" s="1"/>
      <c r="BF36" s="1" t="s">
        <v>522</v>
      </c>
      <c r="BG36" s="1" t="s">
        <v>517</v>
      </c>
      <c r="BH36" s="1" t="s">
        <v>518</v>
      </c>
      <c r="BI36" s="1" t="s">
        <v>517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18</v>
      </c>
      <c r="B37" s="2">
        <v>0.4513888888888889</v>
      </c>
      <c r="C37" s="1" t="s">
        <v>483</v>
      </c>
      <c r="D37" s="1" t="s">
        <v>64</v>
      </c>
      <c r="E37" s="1" t="s">
        <v>484</v>
      </c>
      <c r="F37" s="1" t="s">
        <v>119</v>
      </c>
      <c r="G37" s="1" t="s">
        <v>117</v>
      </c>
      <c r="J37" s="1" t="s">
        <v>30</v>
      </c>
      <c r="K37" s="1" t="s">
        <v>120</v>
      </c>
      <c r="M37" s="1" t="s">
        <v>121</v>
      </c>
      <c r="N37" s="1" t="s">
        <v>33</v>
      </c>
      <c r="O37" s="1" t="s">
        <v>84</v>
      </c>
      <c r="P37" s="1" t="s">
        <v>35</v>
      </c>
      <c r="Q37" s="1" t="s">
        <v>40</v>
      </c>
      <c r="S37" s="1" t="s">
        <v>50</v>
      </c>
      <c r="U37" s="1">
        <v>7.8</v>
      </c>
      <c r="V37" s="3">
        <v>27</v>
      </c>
      <c r="W37" s="1" t="s">
        <v>514</v>
      </c>
      <c r="X37" s="1">
        <v>0.24</v>
      </c>
      <c r="Y37" s="1">
        <v>2.8000000000000001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16</v>
      </c>
      <c r="BD37" s="1">
        <v>0.21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0.02</v>
      </c>
      <c r="BO37" s="1"/>
      <c r="BP37" s="1"/>
      <c r="BQ37" s="1">
        <v>31.16</v>
      </c>
      <c r="BR37" s="1"/>
      <c r="BS37" s="1"/>
      <c r="BT37" s="1">
        <v>0.5</v>
      </c>
      <c r="BU37" s="1"/>
      <c r="BV37" s="1"/>
      <c r="BW37" s="1"/>
      <c r="BX37" s="1"/>
      <c r="BY37" s="1"/>
      <c r="BZ37" s="1"/>
    </row>
    <row r="38" spans="1:78" x14ac:dyDescent="0.15">
      <c r="B38" s="2">
        <v>0.4513888888888889</v>
      </c>
      <c r="C38" s="1" t="s">
        <v>485</v>
      </c>
      <c r="G38" s="1" t="s">
        <v>117</v>
      </c>
      <c r="J38" s="1" t="s">
        <v>122</v>
      </c>
      <c r="P38" s="1" t="s">
        <v>35</v>
      </c>
      <c r="Q38" s="1" t="s">
        <v>40</v>
      </c>
      <c r="S38" s="1" t="s">
        <v>123</v>
      </c>
      <c r="U38" s="1">
        <v>7.4</v>
      </c>
      <c r="V38" s="1"/>
      <c r="W38" s="1"/>
      <c r="X38" s="1">
        <v>0.16</v>
      </c>
      <c r="Y38" s="1">
        <v>1.4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0.09</v>
      </c>
      <c r="BD38" s="1">
        <v>0.14000000000000001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1.0999999999999999E-2</v>
      </c>
      <c r="BO38" s="1"/>
      <c r="BP38" s="1"/>
      <c r="BQ38" s="1">
        <v>31.79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/>
      <c r="B39" s="2">
        <v>0.4513888888888889</v>
      </c>
      <c r="C39" s="1" t="s">
        <v>551</v>
      </c>
      <c r="D39" s="1"/>
      <c r="E39" s="1"/>
      <c r="F39" s="1"/>
      <c r="G39" s="1"/>
      <c r="H39" s="1"/>
      <c r="I39" s="1"/>
      <c r="J39" s="1">
        <v>4.2</v>
      </c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7</v>
      </c>
      <c r="E1" s="1" t="s">
        <v>2</v>
      </c>
      <c r="F1" s="1" t="s">
        <v>474</v>
      </c>
      <c r="G1" s="1" t="s">
        <v>3</v>
      </c>
      <c r="H1" s="1" t="s">
        <v>49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625</v>
      </c>
      <c r="C4" s="1" t="s">
        <v>483</v>
      </c>
      <c r="D4" s="1" t="s">
        <v>27</v>
      </c>
      <c r="E4" s="1" t="s">
        <v>484</v>
      </c>
      <c r="F4" s="1" t="s">
        <v>246</v>
      </c>
      <c r="G4" s="1" t="s">
        <v>131</v>
      </c>
      <c r="J4" s="1" t="s">
        <v>30</v>
      </c>
      <c r="K4" s="1" t="s">
        <v>267</v>
      </c>
      <c r="M4" s="1" t="s">
        <v>126</v>
      </c>
      <c r="N4" s="1" t="s">
        <v>33</v>
      </c>
      <c r="O4" s="1" t="s">
        <v>34</v>
      </c>
      <c r="P4" s="1" t="s">
        <v>35</v>
      </c>
      <c r="Q4" s="1" t="s">
        <v>40</v>
      </c>
      <c r="S4" s="1" t="s">
        <v>41</v>
      </c>
      <c r="U4" s="1">
        <v>8.1</v>
      </c>
      <c r="V4" s="3">
        <v>12</v>
      </c>
      <c r="W4" s="1" t="s">
        <v>514</v>
      </c>
      <c r="X4" s="1">
        <v>0.2</v>
      </c>
      <c r="Y4" s="1">
        <v>2.5999999999999999E-2</v>
      </c>
      <c r="Z4" s="1">
        <v>3.0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9</v>
      </c>
      <c r="BD4" s="1">
        <v>0.14000000000000001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7999999999999999E-2</v>
      </c>
      <c r="BO4" s="1"/>
      <c r="BP4" s="1"/>
      <c r="BQ4" s="1">
        <v>33.909999999999997</v>
      </c>
      <c r="BR4" s="1" t="s">
        <v>537</v>
      </c>
      <c r="BS4" s="1"/>
      <c r="BT4" s="1">
        <v>0.9</v>
      </c>
      <c r="BU4" s="1"/>
      <c r="BV4" s="1"/>
      <c r="BW4" s="1"/>
      <c r="BX4" s="1"/>
      <c r="BY4" s="1"/>
      <c r="BZ4" s="1"/>
    </row>
    <row r="5" spans="1:78" x14ac:dyDescent="0.15">
      <c r="B5" s="2">
        <v>0.40625</v>
      </c>
      <c r="C5" s="1" t="s">
        <v>485</v>
      </c>
      <c r="G5" s="1" t="s">
        <v>147</v>
      </c>
      <c r="J5" s="1" t="s">
        <v>60</v>
      </c>
      <c r="P5" s="1" t="s">
        <v>35</v>
      </c>
      <c r="Q5" s="1" t="s">
        <v>40</v>
      </c>
      <c r="S5" s="1" t="s">
        <v>132</v>
      </c>
      <c r="U5" s="1">
        <v>7.6</v>
      </c>
      <c r="V5" s="1"/>
      <c r="W5" s="1"/>
      <c r="X5" s="1">
        <v>0.14000000000000001</v>
      </c>
      <c r="Y5" s="1">
        <v>2.1000000000000001E-2</v>
      </c>
      <c r="Z5" s="1">
        <v>3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01</v>
      </c>
      <c r="BC5" s="1">
        <v>0.06</v>
      </c>
      <c r="BD5" s="1">
        <v>0.1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4E-2</v>
      </c>
      <c r="BO5" s="1"/>
      <c r="BP5" s="1"/>
      <c r="BQ5" s="1">
        <v>34.56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/>
      <c r="B6" s="2">
        <v>0.40625</v>
      </c>
      <c r="C6" s="1" t="s">
        <v>551</v>
      </c>
      <c r="D6" s="1"/>
      <c r="E6" s="1"/>
      <c r="F6" s="1"/>
      <c r="G6" s="1"/>
      <c r="H6" s="1"/>
      <c r="I6" s="1"/>
      <c r="J6" s="1">
        <v>11.3</v>
      </c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 t="s">
        <v>515</v>
      </c>
      <c r="AD6" s="1" t="s">
        <v>516</v>
      </c>
      <c r="AE6" s="1" t="s">
        <v>517</v>
      </c>
      <c r="AF6" s="1" t="s">
        <v>518</v>
      </c>
      <c r="AG6" s="1" t="s">
        <v>519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2</v>
      </c>
      <c r="B7" s="2">
        <v>0.41180555555555554</v>
      </c>
      <c r="C7" s="1" t="s">
        <v>483</v>
      </c>
      <c r="D7" s="1" t="s">
        <v>27</v>
      </c>
      <c r="E7" s="1" t="s">
        <v>484</v>
      </c>
      <c r="F7" s="1" t="s">
        <v>48</v>
      </c>
      <c r="G7" s="1" t="s">
        <v>43</v>
      </c>
      <c r="J7" s="1" t="s">
        <v>30</v>
      </c>
      <c r="K7" s="1" t="s">
        <v>275</v>
      </c>
      <c r="M7" s="1" t="s">
        <v>106</v>
      </c>
      <c r="N7" s="1" t="s">
        <v>33</v>
      </c>
      <c r="O7" s="1" t="s">
        <v>129</v>
      </c>
      <c r="P7" s="1" t="s">
        <v>35</v>
      </c>
      <c r="Q7" s="1" t="s">
        <v>40</v>
      </c>
      <c r="S7" s="1" t="s">
        <v>87</v>
      </c>
      <c r="U7" s="1">
        <v>8.3000000000000007</v>
      </c>
      <c r="V7" s="3">
        <v>17</v>
      </c>
      <c r="W7" s="1" t="s">
        <v>514</v>
      </c>
      <c r="X7" s="1">
        <v>0.68</v>
      </c>
      <c r="Y7" s="1">
        <v>3.5999999999999997E-2</v>
      </c>
      <c r="Z7" s="1">
        <v>1.1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19</v>
      </c>
      <c r="BD7" s="1">
        <v>0.24</v>
      </c>
      <c r="BE7" s="1"/>
      <c r="BF7" s="1"/>
      <c r="BG7" s="1"/>
      <c r="BH7" s="1"/>
      <c r="BI7" s="1"/>
      <c r="BJ7" s="1"/>
      <c r="BK7" s="1"/>
      <c r="BL7" s="1"/>
      <c r="BM7" s="1">
        <v>0.08</v>
      </c>
      <c r="BN7" s="1">
        <v>3.3000000000000002E-2</v>
      </c>
      <c r="BO7" s="1"/>
      <c r="BP7" s="1"/>
      <c r="BQ7" s="1">
        <v>25.83</v>
      </c>
      <c r="BR7" s="1"/>
      <c r="BS7" s="1"/>
      <c r="BT7" s="1">
        <v>1.3</v>
      </c>
      <c r="BU7" s="1"/>
      <c r="BV7" s="1"/>
      <c r="BW7" s="1"/>
      <c r="BX7" s="1"/>
      <c r="BY7" s="1"/>
      <c r="BZ7" s="1"/>
    </row>
    <row r="8" spans="1:78" x14ac:dyDescent="0.15">
      <c r="B8" s="2">
        <v>0.41180555555555554</v>
      </c>
      <c r="C8" s="1" t="s">
        <v>485</v>
      </c>
      <c r="G8" s="1" t="s">
        <v>38</v>
      </c>
      <c r="J8" s="1" t="s">
        <v>221</v>
      </c>
      <c r="P8" s="1" t="s">
        <v>35</v>
      </c>
      <c r="Q8" s="1" t="s">
        <v>40</v>
      </c>
      <c r="S8" s="1" t="s">
        <v>30</v>
      </c>
      <c r="U8" s="1">
        <v>7.8</v>
      </c>
      <c r="V8" s="1"/>
      <c r="W8" s="1"/>
      <c r="X8" s="1">
        <v>0.31</v>
      </c>
      <c r="Y8" s="1">
        <v>1.4E-2</v>
      </c>
      <c r="Z8" s="1">
        <v>1.1999999999999999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>
        <v>0.09</v>
      </c>
      <c r="BD8" s="1">
        <v>0.14000000000000001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7.0000000000000001E-3</v>
      </c>
      <c r="BO8" s="1"/>
      <c r="BP8" s="1"/>
      <c r="BQ8" s="1">
        <v>34.43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/>
      <c r="B9" s="2">
        <v>0.41180555555555554</v>
      </c>
      <c r="C9" s="1" t="s">
        <v>551</v>
      </c>
      <c r="D9" s="1"/>
      <c r="E9" s="1"/>
      <c r="F9" s="1"/>
      <c r="G9" s="1"/>
      <c r="H9" s="1"/>
      <c r="I9" s="1"/>
      <c r="J9" s="1">
        <v>13.3</v>
      </c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9583333333333331</v>
      </c>
      <c r="C10" s="1" t="s">
        <v>483</v>
      </c>
      <c r="D10" s="1" t="s">
        <v>52</v>
      </c>
      <c r="E10" s="1" t="s">
        <v>53</v>
      </c>
      <c r="F10" s="1" t="s">
        <v>159</v>
      </c>
      <c r="G10" s="1" t="s">
        <v>244</v>
      </c>
      <c r="J10" s="1" t="s">
        <v>30</v>
      </c>
      <c r="K10" s="1" t="s">
        <v>267</v>
      </c>
      <c r="M10" s="1" t="s">
        <v>278</v>
      </c>
      <c r="N10" s="1" t="s">
        <v>33</v>
      </c>
      <c r="O10" s="1" t="s">
        <v>57</v>
      </c>
      <c r="P10" s="1" t="s">
        <v>35</v>
      </c>
      <c r="Q10" s="1" t="s">
        <v>58</v>
      </c>
      <c r="S10" s="1" t="s">
        <v>80</v>
      </c>
      <c r="U10" s="1">
        <v>9.4</v>
      </c>
      <c r="V10" s="3">
        <v>33</v>
      </c>
      <c r="W10" s="1" t="s">
        <v>514</v>
      </c>
      <c r="X10" s="1">
        <v>0.32</v>
      </c>
      <c r="Y10" s="1">
        <v>1.4E-2</v>
      </c>
      <c r="Z10" s="1">
        <v>1.5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>
        <v>7.0000000000000007E-2</v>
      </c>
      <c r="BD10" s="1">
        <v>0.12</v>
      </c>
      <c r="BE10" s="1"/>
      <c r="BF10" s="1"/>
      <c r="BG10" s="1"/>
      <c r="BH10" s="1"/>
      <c r="BI10" s="1"/>
      <c r="BJ10" s="1"/>
      <c r="BK10" s="1"/>
      <c r="BL10" s="1"/>
      <c r="BM10" s="1">
        <v>7.0000000000000007E-2</v>
      </c>
      <c r="BN10" s="1">
        <v>8.0000000000000002E-3</v>
      </c>
      <c r="BO10" s="1"/>
      <c r="BP10" s="1"/>
      <c r="BQ10" s="1">
        <v>31.88</v>
      </c>
      <c r="BR10" s="1" t="s">
        <v>537</v>
      </c>
      <c r="BS10" s="1"/>
      <c r="BT10" s="1">
        <v>5.2</v>
      </c>
      <c r="BU10" s="1"/>
      <c r="BV10" s="1"/>
      <c r="BW10" s="1"/>
      <c r="BX10" s="1"/>
      <c r="BY10" s="1"/>
      <c r="BZ10" s="1"/>
    </row>
    <row r="11" spans="1:78" x14ac:dyDescent="0.15">
      <c r="B11" s="2">
        <v>0.39583333333333331</v>
      </c>
      <c r="C11" s="1" t="s">
        <v>485</v>
      </c>
      <c r="G11" s="1" t="s">
        <v>101</v>
      </c>
      <c r="J11" s="1" t="s">
        <v>60</v>
      </c>
      <c r="P11" s="1" t="s">
        <v>35</v>
      </c>
      <c r="Q11" s="1" t="s">
        <v>40</v>
      </c>
      <c r="S11" s="1" t="s">
        <v>50</v>
      </c>
      <c r="U11" s="1">
        <v>7.2</v>
      </c>
      <c r="V11" s="1"/>
      <c r="W11" s="1"/>
      <c r="X11" s="1">
        <v>0.12</v>
      </c>
      <c r="Y11" s="1">
        <v>1.0999999999999999E-2</v>
      </c>
      <c r="Z11" s="1">
        <v>2.200000000000000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3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7.0000000000000001E-3</v>
      </c>
      <c r="BO11" s="1"/>
      <c r="BP11" s="1"/>
      <c r="BQ11" s="1">
        <v>33.94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/>
      <c r="B12" s="2">
        <v>0.39583333333333331</v>
      </c>
      <c r="C12" s="1" t="s">
        <v>551</v>
      </c>
      <c r="D12" s="1"/>
      <c r="E12" s="1"/>
      <c r="F12" s="1"/>
      <c r="G12" s="1"/>
      <c r="H12" s="1"/>
      <c r="I12" s="1"/>
      <c r="J12" s="1">
        <v>11.3</v>
      </c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18</v>
      </c>
      <c r="AG12" s="1" t="s">
        <v>519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4236111111111111</v>
      </c>
      <c r="C13" s="1" t="s">
        <v>483</v>
      </c>
      <c r="D13" s="1" t="s">
        <v>64</v>
      </c>
      <c r="E13" s="1" t="s">
        <v>53</v>
      </c>
      <c r="F13" s="1" t="s">
        <v>139</v>
      </c>
      <c r="G13" s="1" t="s">
        <v>322</v>
      </c>
      <c r="J13" s="1" t="s">
        <v>30</v>
      </c>
      <c r="K13" s="1" t="s">
        <v>60</v>
      </c>
      <c r="M13" s="1" t="s">
        <v>56</v>
      </c>
      <c r="N13" s="1" t="s">
        <v>33</v>
      </c>
      <c r="O13" s="1" t="s">
        <v>84</v>
      </c>
      <c r="P13" s="1" t="s">
        <v>35</v>
      </c>
      <c r="Q13" s="1" t="s">
        <v>141</v>
      </c>
      <c r="S13" s="1" t="s">
        <v>59</v>
      </c>
      <c r="U13" s="1">
        <v>8.1999999999999993</v>
      </c>
      <c r="V13" s="3">
        <v>33</v>
      </c>
      <c r="W13" s="1" t="s">
        <v>514</v>
      </c>
      <c r="X13" s="1">
        <v>0.18</v>
      </c>
      <c r="Y13" s="1">
        <v>3.9E-2</v>
      </c>
      <c r="Z13" s="1">
        <v>2.0999999999999999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09</v>
      </c>
      <c r="BD13" s="1">
        <v>0.14000000000000001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3.4000000000000002E-2</v>
      </c>
      <c r="BO13" s="1"/>
      <c r="BP13" s="1"/>
      <c r="BQ13" s="1">
        <v>31.94</v>
      </c>
      <c r="BR13" s="1"/>
      <c r="BS13" s="1"/>
      <c r="BT13" s="1">
        <v>12</v>
      </c>
      <c r="BU13" s="1"/>
      <c r="BV13" s="1"/>
      <c r="BW13" s="1"/>
      <c r="BX13" s="1"/>
      <c r="BY13" s="1"/>
      <c r="BZ13" s="1"/>
    </row>
    <row r="14" spans="1:78" x14ac:dyDescent="0.15">
      <c r="B14" s="2">
        <v>0.4236111111111111</v>
      </c>
      <c r="C14" s="1" t="s">
        <v>485</v>
      </c>
      <c r="G14" s="1" t="s">
        <v>309</v>
      </c>
      <c r="J14" s="1" t="s">
        <v>323</v>
      </c>
      <c r="P14" s="1" t="s">
        <v>35</v>
      </c>
      <c r="Q14" s="1" t="s">
        <v>40</v>
      </c>
      <c r="S14" s="1" t="s">
        <v>93</v>
      </c>
      <c r="U14" s="1">
        <v>6.6</v>
      </c>
      <c r="V14" s="1"/>
      <c r="W14" s="1"/>
      <c r="X14" s="1">
        <v>0.16</v>
      </c>
      <c r="Y14" s="1">
        <v>0.02</v>
      </c>
      <c r="Z14" s="1">
        <v>0.01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>
        <v>7.0000000000000007E-2</v>
      </c>
      <c r="BD14" s="1">
        <v>0.12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6E-2</v>
      </c>
      <c r="BO14" s="1"/>
      <c r="BP14" s="1"/>
      <c r="BQ14" s="1">
        <v>33.86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/>
      <c r="B15" s="2">
        <v>0.4236111111111111</v>
      </c>
      <c r="C15" s="1" t="s">
        <v>551</v>
      </c>
      <c r="D15" s="1"/>
      <c r="E15" s="1"/>
      <c r="F15" s="1"/>
      <c r="G15" s="1"/>
      <c r="H15" s="1"/>
      <c r="I15" s="1"/>
      <c r="J15" s="1">
        <v>10.8</v>
      </c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40625</v>
      </c>
      <c r="C16" s="1" t="s">
        <v>483</v>
      </c>
      <c r="D16" s="1" t="s">
        <v>73</v>
      </c>
      <c r="E16" s="1" t="s">
        <v>53</v>
      </c>
      <c r="F16" s="1" t="s">
        <v>324</v>
      </c>
      <c r="G16" s="1" t="s">
        <v>325</v>
      </c>
      <c r="J16" s="1" t="s">
        <v>30</v>
      </c>
      <c r="K16" s="1" t="s">
        <v>70</v>
      </c>
      <c r="M16" s="1" t="s">
        <v>77</v>
      </c>
      <c r="N16" s="1" t="s">
        <v>33</v>
      </c>
      <c r="O16" s="1" t="s">
        <v>57</v>
      </c>
      <c r="P16" s="1" t="s">
        <v>35</v>
      </c>
      <c r="Q16" s="1" t="s">
        <v>68</v>
      </c>
      <c r="S16" s="1" t="s">
        <v>326</v>
      </c>
      <c r="U16" s="1">
        <v>11.6</v>
      </c>
      <c r="V16" s="3">
        <v>6</v>
      </c>
      <c r="W16" s="1" t="s">
        <v>514</v>
      </c>
      <c r="X16" s="1">
        <v>0.3</v>
      </c>
      <c r="Y16" s="1">
        <v>0.02</v>
      </c>
      <c r="Z16" s="1">
        <v>2.500000000000000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>
        <v>0.15</v>
      </c>
      <c r="BD16" s="1">
        <v>0.2</v>
      </c>
      <c r="BE16" s="1"/>
      <c r="BF16" s="1"/>
      <c r="BG16" s="1"/>
      <c r="BH16" s="1"/>
      <c r="BI16" s="1"/>
      <c r="BJ16" s="1"/>
      <c r="BK16" s="1"/>
      <c r="BL16" s="1"/>
      <c r="BM16" s="1">
        <v>0.05</v>
      </c>
      <c r="BN16" s="1">
        <v>1.4E-2</v>
      </c>
      <c r="BO16" s="1"/>
      <c r="BP16" s="1"/>
      <c r="BQ16" s="1">
        <v>28.61</v>
      </c>
      <c r="BR16" s="1" t="s">
        <v>537</v>
      </c>
      <c r="BS16" s="1"/>
      <c r="BT16" s="1">
        <v>9.5</v>
      </c>
      <c r="BU16" s="1"/>
      <c r="BV16" s="1"/>
      <c r="BW16" s="1"/>
      <c r="BX16" s="1"/>
      <c r="BY16" s="1"/>
      <c r="BZ16" s="1"/>
    </row>
    <row r="17" spans="1:78" x14ac:dyDescent="0.15">
      <c r="B17" s="2">
        <v>0.40625</v>
      </c>
      <c r="C17" s="1" t="s">
        <v>485</v>
      </c>
      <c r="G17" s="1" t="s">
        <v>275</v>
      </c>
      <c r="J17" s="1" t="s">
        <v>288</v>
      </c>
      <c r="P17" s="1" t="s">
        <v>35</v>
      </c>
      <c r="Q17" s="1" t="s">
        <v>40</v>
      </c>
      <c r="S17" s="1" t="s">
        <v>158</v>
      </c>
      <c r="U17" s="1">
        <v>6.8</v>
      </c>
      <c r="V17" s="1"/>
      <c r="W17" s="1"/>
      <c r="X17" s="1">
        <v>0.16</v>
      </c>
      <c r="Y17" s="1">
        <v>8.9999999999999993E-3</v>
      </c>
      <c r="Z17" s="1">
        <v>3.3999999999999998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5</v>
      </c>
      <c r="BD17" s="1">
        <v>0.1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6.0000000000000001E-3</v>
      </c>
      <c r="BO17" s="1"/>
      <c r="BP17" s="1"/>
      <c r="BQ17" s="1">
        <v>33.44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40625</v>
      </c>
      <c r="C18" s="1" t="s">
        <v>551</v>
      </c>
      <c r="D18" s="1"/>
      <c r="E18" s="1"/>
      <c r="F18" s="1"/>
      <c r="G18" s="1"/>
      <c r="H18" s="1"/>
      <c r="I18" s="1"/>
      <c r="J18" s="1">
        <v>12.3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 t="s">
        <v>515</v>
      </c>
      <c r="AD18" s="1" t="s">
        <v>516</v>
      </c>
      <c r="AE18" s="1" t="s">
        <v>517</v>
      </c>
      <c r="AF18" s="1" t="s">
        <v>518</v>
      </c>
      <c r="AG18" s="1" t="s">
        <v>519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9</v>
      </c>
      <c r="AZ18" s="1"/>
      <c r="BA18" s="1"/>
      <c r="BB18" s="1"/>
      <c r="BC18" s="1"/>
      <c r="BD18" s="1"/>
      <c r="BE18" s="1"/>
      <c r="BF18" s="1" t="s">
        <v>522</v>
      </c>
      <c r="BG18" s="1" t="s">
        <v>517</v>
      </c>
      <c r="BH18" s="1">
        <v>0.15</v>
      </c>
      <c r="BI18" s="1">
        <v>5.9999999999999995E-4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1</v>
      </c>
      <c r="B19" s="2">
        <v>0.40972222222222227</v>
      </c>
      <c r="C19" s="1" t="s">
        <v>483</v>
      </c>
      <c r="D19" s="1" t="s">
        <v>64</v>
      </c>
      <c r="E19" s="1" t="s">
        <v>53</v>
      </c>
      <c r="F19" s="1" t="s">
        <v>327</v>
      </c>
      <c r="G19" s="1" t="s">
        <v>297</v>
      </c>
      <c r="J19" s="1" t="s">
        <v>30</v>
      </c>
      <c r="K19" s="1" t="s">
        <v>323</v>
      </c>
      <c r="M19" s="1" t="s">
        <v>126</v>
      </c>
      <c r="N19" s="1" t="s">
        <v>33</v>
      </c>
      <c r="O19" s="1" t="s">
        <v>34</v>
      </c>
      <c r="P19" s="1" t="s">
        <v>35</v>
      </c>
      <c r="Q19" s="1" t="s">
        <v>40</v>
      </c>
      <c r="S19" s="1" t="s">
        <v>251</v>
      </c>
      <c r="U19" s="1">
        <v>7</v>
      </c>
      <c r="V19" s="3">
        <v>490</v>
      </c>
      <c r="W19" s="1" t="s">
        <v>514</v>
      </c>
      <c r="X19" s="1">
        <v>0.65</v>
      </c>
      <c r="Y19" s="1">
        <v>4.2999999999999997E-2</v>
      </c>
      <c r="Z19" s="1">
        <v>6.3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41</v>
      </c>
      <c r="BD19" s="1">
        <v>0.46</v>
      </c>
      <c r="BE19" s="1"/>
      <c r="BF19" s="1"/>
      <c r="BG19" s="1"/>
      <c r="BH19" s="1"/>
      <c r="BI19" s="1"/>
      <c r="BJ19" s="1"/>
      <c r="BK19" s="1"/>
      <c r="BL19" s="1"/>
      <c r="BM19" s="1">
        <v>0.04</v>
      </c>
      <c r="BN19" s="1">
        <v>2.5000000000000001E-2</v>
      </c>
      <c r="BO19" s="1"/>
      <c r="BP19" s="1"/>
      <c r="BQ19" s="1">
        <v>29.15</v>
      </c>
      <c r="BR19" s="1"/>
      <c r="BS19" s="1"/>
      <c r="BT19" s="1" t="s">
        <v>514</v>
      </c>
      <c r="BU19" s="1"/>
      <c r="BV19" s="1"/>
      <c r="BW19" s="1"/>
      <c r="BX19" s="1"/>
      <c r="BY19" s="1"/>
      <c r="BZ19" s="1"/>
    </row>
    <row r="20" spans="1:78" x14ac:dyDescent="0.15">
      <c r="B20" s="2">
        <v>0.40972222222222227</v>
      </c>
      <c r="C20" s="1" t="s">
        <v>485</v>
      </c>
      <c r="G20" s="1" t="s">
        <v>188</v>
      </c>
      <c r="J20" s="1" t="s">
        <v>97</v>
      </c>
      <c r="P20" s="1" t="s">
        <v>35</v>
      </c>
      <c r="Q20" s="1" t="s">
        <v>58</v>
      </c>
      <c r="S20" s="1" t="s">
        <v>87</v>
      </c>
      <c r="U20" s="1">
        <v>7.1</v>
      </c>
      <c r="V20" s="1"/>
      <c r="W20" s="1"/>
      <c r="X20" s="1">
        <v>0.14000000000000001</v>
      </c>
      <c r="Y20" s="1">
        <v>1.4E-2</v>
      </c>
      <c r="Z20" s="1">
        <v>7.1000000000000004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7.0000000000000007E-2</v>
      </c>
      <c r="BD20" s="1">
        <v>0.12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8.0000000000000002E-3</v>
      </c>
      <c r="BO20" s="1"/>
      <c r="BP20" s="1"/>
      <c r="BQ20" s="1">
        <v>32.8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40972222222222227</v>
      </c>
      <c r="C21" s="1" t="s">
        <v>551</v>
      </c>
      <c r="D21" s="1"/>
      <c r="E21" s="1"/>
      <c r="F21" s="1"/>
      <c r="G21" s="1"/>
      <c r="H21" s="1"/>
      <c r="I21" s="1"/>
      <c r="J21" s="1">
        <v>10.2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3923611111111111</v>
      </c>
      <c r="C22" s="1" t="s">
        <v>483</v>
      </c>
      <c r="D22" s="1" t="s">
        <v>64</v>
      </c>
      <c r="E22" s="1" t="s">
        <v>53</v>
      </c>
      <c r="F22" s="1" t="s">
        <v>247</v>
      </c>
      <c r="G22" s="1" t="s">
        <v>307</v>
      </c>
      <c r="J22" s="1" t="s">
        <v>30</v>
      </c>
      <c r="K22" s="1" t="s">
        <v>308</v>
      </c>
      <c r="M22" s="1" t="s">
        <v>278</v>
      </c>
      <c r="N22" s="1" t="s">
        <v>33</v>
      </c>
      <c r="O22" s="1" t="s">
        <v>34</v>
      </c>
      <c r="P22" s="1" t="s">
        <v>35</v>
      </c>
      <c r="Q22" s="1" t="s">
        <v>58</v>
      </c>
      <c r="S22" s="1" t="s">
        <v>100</v>
      </c>
      <c r="U22" s="1">
        <v>7.3</v>
      </c>
      <c r="V22" s="3">
        <v>26</v>
      </c>
      <c r="W22" s="1" t="s">
        <v>514</v>
      </c>
      <c r="X22" s="1">
        <v>0.26</v>
      </c>
      <c r="Y22" s="1">
        <v>1.7999999999999999E-2</v>
      </c>
      <c r="Z22" s="1">
        <v>5.1000000000000004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1</v>
      </c>
      <c r="BD22" s="1">
        <v>0.15</v>
      </c>
      <c r="BE22" s="1"/>
      <c r="BF22" s="1"/>
      <c r="BG22" s="1"/>
      <c r="BH22" s="1"/>
      <c r="BI22" s="1"/>
      <c r="BJ22" s="1"/>
      <c r="BK22" s="1"/>
      <c r="BL22" s="1"/>
      <c r="BM22" s="1">
        <v>0.04</v>
      </c>
      <c r="BN22" s="1">
        <v>1.7000000000000001E-2</v>
      </c>
      <c r="BO22" s="1"/>
      <c r="BP22" s="1"/>
      <c r="BQ22" s="1">
        <v>30.91</v>
      </c>
      <c r="BR22" s="1" t="s">
        <v>537</v>
      </c>
      <c r="BS22" s="1"/>
      <c r="BT22" s="1">
        <v>0.8</v>
      </c>
      <c r="BU22" s="1"/>
      <c r="BV22" s="1"/>
      <c r="BW22" s="1"/>
      <c r="BX22" s="1"/>
      <c r="BY22" s="1"/>
      <c r="BZ22" s="1"/>
    </row>
    <row r="23" spans="1:78" x14ac:dyDescent="0.15">
      <c r="B23" s="2">
        <v>0.3923611111111111</v>
      </c>
      <c r="C23" s="1" t="s">
        <v>485</v>
      </c>
      <c r="G23" s="1" t="s">
        <v>328</v>
      </c>
      <c r="J23" s="1" t="s">
        <v>290</v>
      </c>
      <c r="P23" s="1" t="s">
        <v>35</v>
      </c>
      <c r="Q23" s="1" t="s">
        <v>58</v>
      </c>
      <c r="S23" s="1" t="s">
        <v>87</v>
      </c>
      <c r="U23" s="1">
        <v>6.4</v>
      </c>
      <c r="V23" s="1"/>
      <c r="W23" s="1"/>
      <c r="X23" s="1">
        <v>0.1</v>
      </c>
      <c r="Y23" s="1">
        <v>1.4999999999999999E-2</v>
      </c>
      <c r="Z23" s="1">
        <v>5.5999999999999999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02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2999999999999999E-2</v>
      </c>
      <c r="BO23" s="1"/>
      <c r="BP23" s="1"/>
      <c r="BQ23" s="1">
        <v>33.32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923611111111111</v>
      </c>
      <c r="C24" s="1" t="s">
        <v>551</v>
      </c>
      <c r="D24" s="1"/>
      <c r="E24" s="1"/>
      <c r="F24" s="1"/>
      <c r="G24" s="1"/>
      <c r="H24" s="1"/>
      <c r="I24" s="1"/>
      <c r="J24" s="1">
        <v>12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18</v>
      </c>
      <c r="AG24" s="1" t="s">
        <v>519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39583333333333331</v>
      </c>
      <c r="C25" s="1" t="s">
        <v>483</v>
      </c>
      <c r="D25" s="1" t="s">
        <v>64</v>
      </c>
      <c r="E25" s="1" t="s">
        <v>95</v>
      </c>
      <c r="F25" s="1" t="s">
        <v>180</v>
      </c>
      <c r="G25" s="1" t="s">
        <v>97</v>
      </c>
      <c r="J25" s="1" t="s">
        <v>30</v>
      </c>
      <c r="K25" s="1" t="s">
        <v>329</v>
      </c>
      <c r="M25" s="1" t="s">
        <v>49</v>
      </c>
      <c r="N25" s="1" t="s">
        <v>33</v>
      </c>
      <c r="O25" s="1" t="s">
        <v>84</v>
      </c>
      <c r="P25" s="1" t="s">
        <v>35</v>
      </c>
      <c r="Q25" s="1" t="s">
        <v>58</v>
      </c>
      <c r="S25" s="1" t="s">
        <v>100</v>
      </c>
      <c r="U25" s="1">
        <v>7</v>
      </c>
      <c r="V25" s="3">
        <v>11</v>
      </c>
      <c r="W25" s="1" t="s">
        <v>514</v>
      </c>
      <c r="X25" s="1">
        <v>0.15</v>
      </c>
      <c r="Y25" s="1">
        <v>1.4999999999999999E-2</v>
      </c>
      <c r="Z25" s="1">
        <v>3.5999999999999999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1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>
        <v>0.11</v>
      </c>
      <c r="BN25" s="1">
        <v>0.01</v>
      </c>
      <c r="BO25" s="1"/>
      <c r="BP25" s="1"/>
      <c r="BQ25" s="1">
        <v>34.020000000000003</v>
      </c>
      <c r="BR25" s="1"/>
      <c r="BS25" s="1"/>
      <c r="BT25" s="1">
        <v>1.1000000000000001</v>
      </c>
      <c r="BU25" s="1"/>
      <c r="BV25" s="1"/>
      <c r="BW25" s="1"/>
      <c r="BX25" s="1"/>
      <c r="BY25" s="1"/>
      <c r="BZ25" s="1"/>
    </row>
    <row r="26" spans="1:78" x14ac:dyDescent="0.15">
      <c r="B26" s="2">
        <v>0.39583333333333331</v>
      </c>
      <c r="C26" s="1" t="s">
        <v>485</v>
      </c>
      <c r="G26" s="1" t="s">
        <v>252</v>
      </c>
      <c r="J26" s="1" t="s">
        <v>155</v>
      </c>
      <c r="P26" s="1" t="s">
        <v>35</v>
      </c>
      <c r="Q26" s="1" t="s">
        <v>58</v>
      </c>
      <c r="S26" s="1" t="s">
        <v>87</v>
      </c>
      <c r="U26" s="1">
        <v>7</v>
      </c>
      <c r="V26" s="1"/>
      <c r="W26" s="1"/>
      <c r="X26" s="1">
        <v>0.14000000000000001</v>
      </c>
      <c r="Y26" s="1">
        <v>1.2E-2</v>
      </c>
      <c r="Z26" s="1">
        <v>4.1999999999999997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 t="s">
        <v>516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>
        <v>7.0000000000000007E-2</v>
      </c>
      <c r="BN26" s="1">
        <v>8.9999999999999993E-3</v>
      </c>
      <c r="BO26" s="1"/>
      <c r="BP26" s="1"/>
      <c r="BQ26" s="1">
        <v>34.06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9583333333333331</v>
      </c>
      <c r="C27" s="1" t="s">
        <v>551</v>
      </c>
      <c r="D27" s="1"/>
      <c r="E27" s="1"/>
      <c r="F27" s="1"/>
      <c r="G27" s="1"/>
      <c r="H27" s="1"/>
      <c r="I27" s="1"/>
      <c r="J27" s="1">
        <v>11.7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03</v>
      </c>
      <c r="B28" s="2">
        <v>0.3923611111111111</v>
      </c>
      <c r="C28" s="1" t="s">
        <v>483</v>
      </c>
      <c r="D28" s="1" t="s">
        <v>304</v>
      </c>
      <c r="E28" s="1" t="s">
        <v>486</v>
      </c>
      <c r="F28" s="1" t="s">
        <v>246</v>
      </c>
      <c r="G28" s="1" t="s">
        <v>299</v>
      </c>
      <c r="J28" s="1" t="s">
        <v>30</v>
      </c>
      <c r="K28" s="1" t="s">
        <v>259</v>
      </c>
      <c r="M28" s="1" t="s">
        <v>235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107</v>
      </c>
      <c r="U28" s="1">
        <v>7.2</v>
      </c>
      <c r="V28" s="3">
        <v>11</v>
      </c>
      <c r="W28" s="1" t="s">
        <v>514</v>
      </c>
      <c r="X28" s="1">
        <v>0.31</v>
      </c>
      <c r="Y28" s="1">
        <v>2.1999999999999999E-2</v>
      </c>
      <c r="Z28" s="1">
        <v>3.3999999999999998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8</v>
      </c>
      <c r="BD28" s="1">
        <v>0.13</v>
      </c>
      <c r="BF28" s="1"/>
      <c r="BG28" s="1"/>
      <c r="BH28" s="1"/>
      <c r="BI28" s="1"/>
      <c r="BJ28" s="1"/>
      <c r="BK28" s="1"/>
      <c r="BL28" s="1"/>
      <c r="BM28" s="1">
        <v>0.04</v>
      </c>
      <c r="BN28" s="1">
        <v>7.0000000000000001E-3</v>
      </c>
      <c r="BO28" s="1"/>
      <c r="BP28" s="1"/>
      <c r="BQ28" s="1">
        <v>33.270000000000003</v>
      </c>
      <c r="BR28" s="1" t="s">
        <v>537</v>
      </c>
      <c r="BS28" s="1"/>
      <c r="BT28" s="1">
        <v>0.5</v>
      </c>
      <c r="BU28" s="1"/>
      <c r="BV28" s="1"/>
      <c r="BW28" s="1"/>
      <c r="BX28" s="1"/>
      <c r="BY28" s="1"/>
      <c r="BZ28" s="1"/>
    </row>
    <row r="29" spans="1:78" x14ac:dyDescent="0.15">
      <c r="B29" s="2">
        <v>0.3923611111111111</v>
      </c>
      <c r="C29" s="1" t="s">
        <v>485</v>
      </c>
      <c r="G29" s="1" t="s">
        <v>246</v>
      </c>
      <c r="J29" s="1" t="s">
        <v>248</v>
      </c>
      <c r="P29" s="1" t="s">
        <v>35</v>
      </c>
      <c r="Q29" s="1" t="s">
        <v>58</v>
      </c>
      <c r="S29" s="1" t="s">
        <v>132</v>
      </c>
      <c r="U29" s="1">
        <v>6.9</v>
      </c>
      <c r="V29" s="1"/>
      <c r="W29" s="1"/>
      <c r="X29" s="1">
        <v>0.15</v>
      </c>
      <c r="Y29" s="1">
        <v>8.9999999999999993E-3</v>
      </c>
      <c r="Z29" s="1">
        <v>2.5999999999999999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02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4.0000000000000001E-3</v>
      </c>
      <c r="BO29" s="1"/>
      <c r="BP29" s="1"/>
      <c r="BQ29" s="1">
        <v>33.44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923611111111111</v>
      </c>
      <c r="C30" s="1" t="s">
        <v>551</v>
      </c>
      <c r="D30" s="1"/>
      <c r="E30" s="1"/>
      <c r="F30" s="1"/>
      <c r="G30" s="1"/>
      <c r="H30" s="1"/>
      <c r="I30" s="1"/>
      <c r="J30" s="1">
        <v>11.4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 t="s">
        <v>515</v>
      </c>
      <c r="AD30" s="1" t="s">
        <v>516</v>
      </c>
      <c r="AE30" s="1" t="s">
        <v>517</v>
      </c>
      <c r="AF30" s="1" t="s">
        <v>518</v>
      </c>
      <c r="AG30" s="1" t="s">
        <v>519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8</v>
      </c>
      <c r="B31" s="2">
        <v>0.39652777777777781</v>
      </c>
      <c r="C31" s="1" t="s">
        <v>483</v>
      </c>
      <c r="D31" s="1" t="s">
        <v>27</v>
      </c>
      <c r="E31" s="1" t="s">
        <v>53</v>
      </c>
      <c r="F31" s="1" t="s">
        <v>122</v>
      </c>
      <c r="G31" s="1" t="s">
        <v>315</v>
      </c>
      <c r="J31" s="1" t="s">
        <v>30</v>
      </c>
      <c r="K31" s="1" t="s">
        <v>60</v>
      </c>
      <c r="M31" s="1" t="s">
        <v>206</v>
      </c>
      <c r="N31" s="1" t="s">
        <v>33</v>
      </c>
      <c r="O31" s="1" t="s">
        <v>129</v>
      </c>
      <c r="P31" s="1" t="s">
        <v>35</v>
      </c>
      <c r="Q31" s="1" t="s">
        <v>40</v>
      </c>
      <c r="S31" s="1" t="s">
        <v>30</v>
      </c>
      <c r="U31" s="1">
        <v>7.3</v>
      </c>
      <c r="V31" s="1" t="s">
        <v>521</v>
      </c>
      <c r="W31" s="1" t="s">
        <v>514</v>
      </c>
      <c r="X31" s="1">
        <v>0.11</v>
      </c>
      <c r="Y31" s="1">
        <v>1.0999999999999999E-2</v>
      </c>
      <c r="Z31" s="1">
        <v>6.4000000000000003E-3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04</v>
      </c>
      <c r="BD31" s="1" t="s">
        <v>529</v>
      </c>
      <c r="BF31" s="1"/>
      <c r="BG31" s="1"/>
      <c r="BH31" s="1"/>
      <c r="BI31" s="1"/>
      <c r="BJ31" s="1"/>
      <c r="BK31" s="1"/>
      <c r="BL31" s="1"/>
      <c r="BM31" s="1">
        <v>0.05</v>
      </c>
      <c r="BN31" s="1">
        <v>8.9999999999999993E-3</v>
      </c>
      <c r="BO31" s="1"/>
      <c r="BP31" s="1"/>
      <c r="BQ31" s="1">
        <v>33.31</v>
      </c>
      <c r="BR31" s="1"/>
      <c r="BS31" s="1"/>
      <c r="BT31" s="1" t="s">
        <v>514</v>
      </c>
      <c r="BU31" s="1"/>
      <c r="BV31" s="1"/>
      <c r="BW31" s="1"/>
      <c r="BX31" s="1"/>
      <c r="BY31" s="1"/>
      <c r="BZ31" s="1"/>
    </row>
    <row r="32" spans="1:78" x14ac:dyDescent="0.15">
      <c r="B32" s="2">
        <v>0.39652777777777781</v>
      </c>
      <c r="C32" s="1" t="s">
        <v>485</v>
      </c>
      <c r="G32" s="1" t="s">
        <v>162</v>
      </c>
      <c r="J32" s="1" t="s">
        <v>323</v>
      </c>
      <c r="P32" s="1" t="s">
        <v>35</v>
      </c>
      <c r="Q32" s="1" t="s">
        <v>40</v>
      </c>
      <c r="S32" s="1" t="s">
        <v>30</v>
      </c>
      <c r="U32" s="1">
        <v>7</v>
      </c>
      <c r="V32" s="1"/>
      <c r="W32" s="1"/>
      <c r="X32" s="1">
        <v>0.1</v>
      </c>
      <c r="Y32" s="1">
        <v>0.01</v>
      </c>
      <c r="Z32" s="1">
        <v>3.7000000000000002E-3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03</v>
      </c>
      <c r="BD32" s="1" t="s">
        <v>529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8.0000000000000002E-3</v>
      </c>
      <c r="BO32" s="1"/>
      <c r="BP32" s="1"/>
      <c r="BQ32" s="1">
        <v>33.61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/>
      <c r="B33" s="2">
        <v>0.39652777777777781</v>
      </c>
      <c r="C33" s="1" t="s">
        <v>551</v>
      </c>
      <c r="D33" s="1"/>
      <c r="E33" s="1"/>
      <c r="F33" s="1"/>
      <c r="G33" s="1"/>
      <c r="H33" s="1"/>
      <c r="I33" s="1"/>
      <c r="J33" s="1">
        <v>10.75</v>
      </c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37152777777777773</v>
      </c>
      <c r="C34" s="1" t="s">
        <v>483</v>
      </c>
      <c r="D34" s="1" t="s">
        <v>113</v>
      </c>
      <c r="E34" s="1" t="s">
        <v>53</v>
      </c>
      <c r="F34" s="1" t="s">
        <v>114</v>
      </c>
      <c r="G34" s="1" t="s">
        <v>111</v>
      </c>
      <c r="J34" s="1" t="s">
        <v>30</v>
      </c>
      <c r="K34" s="1" t="s">
        <v>60</v>
      </c>
      <c r="M34" s="1" t="s">
        <v>76</v>
      </c>
      <c r="N34" s="1" t="s">
        <v>33</v>
      </c>
      <c r="O34" s="1" t="s">
        <v>84</v>
      </c>
      <c r="P34" s="1" t="s">
        <v>35</v>
      </c>
      <c r="Q34" s="1" t="s">
        <v>40</v>
      </c>
      <c r="S34" s="1" t="s">
        <v>93</v>
      </c>
      <c r="U34" s="1">
        <v>7.8</v>
      </c>
      <c r="V34" s="1" t="s">
        <v>521</v>
      </c>
      <c r="W34" s="1" t="s">
        <v>514</v>
      </c>
      <c r="X34" s="1">
        <v>0.21</v>
      </c>
      <c r="Y34" s="1">
        <v>1.7000000000000001E-2</v>
      </c>
      <c r="Z34" s="1">
        <v>1.8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1</v>
      </c>
      <c r="BC34" s="1">
        <v>0.06</v>
      </c>
      <c r="BD34" s="1">
        <v>0.11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1.6E-2</v>
      </c>
      <c r="BO34" s="1"/>
      <c r="BP34" s="1"/>
      <c r="BQ34" s="1">
        <v>33.42</v>
      </c>
      <c r="BR34" s="1" t="s">
        <v>537</v>
      </c>
      <c r="BS34" s="1"/>
      <c r="BT34" s="1">
        <v>0.7</v>
      </c>
      <c r="BU34" s="1"/>
      <c r="BV34" s="1"/>
      <c r="BW34" s="1"/>
      <c r="BX34" s="1"/>
      <c r="BY34" s="1"/>
      <c r="BZ34" s="1"/>
    </row>
    <row r="35" spans="1:78" x14ac:dyDescent="0.15">
      <c r="B35" s="2">
        <v>0.37152777777777773</v>
      </c>
      <c r="C35" s="1" t="s">
        <v>485</v>
      </c>
      <c r="G35" s="1" t="s">
        <v>137</v>
      </c>
      <c r="J35" s="1" t="s">
        <v>323</v>
      </c>
      <c r="P35" s="1" t="s">
        <v>35</v>
      </c>
      <c r="Q35" s="1" t="s">
        <v>40</v>
      </c>
      <c r="S35" s="1" t="s">
        <v>41</v>
      </c>
      <c r="U35" s="1">
        <v>7.7</v>
      </c>
      <c r="V35" s="1"/>
      <c r="W35" s="1"/>
      <c r="X35" s="1">
        <v>0.19</v>
      </c>
      <c r="Y35" s="1">
        <v>2.1000000000000001E-2</v>
      </c>
      <c r="Z35" s="1">
        <v>1.8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1.2999999999999999E-2</v>
      </c>
      <c r="BO35" s="1"/>
      <c r="BP35" s="1"/>
      <c r="BQ35" s="1">
        <v>33.90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/>
      <c r="B36" s="2">
        <v>0.37152777777777773</v>
      </c>
      <c r="C36" s="1" t="s">
        <v>551</v>
      </c>
      <c r="D36" s="1"/>
      <c r="E36" s="1"/>
      <c r="F36" s="1"/>
      <c r="G36" s="1"/>
      <c r="H36" s="1"/>
      <c r="I36" s="1"/>
      <c r="J36" s="1">
        <v>10.8</v>
      </c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18</v>
      </c>
      <c r="AG36" s="1" t="s">
        <v>519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9</v>
      </c>
      <c r="AZ36" s="1"/>
      <c r="BA36" s="1"/>
      <c r="BB36" s="1"/>
      <c r="BC36" s="1"/>
      <c r="BD36" s="1"/>
      <c r="BF36" s="1" t="s">
        <v>522</v>
      </c>
      <c r="BG36" s="1" t="s">
        <v>517</v>
      </c>
      <c r="BH36" s="1" t="s">
        <v>518</v>
      </c>
      <c r="BI36" s="1" t="s">
        <v>517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18</v>
      </c>
      <c r="B37" s="2">
        <v>0.41666666666666669</v>
      </c>
      <c r="C37" s="1" t="s">
        <v>483</v>
      </c>
      <c r="D37" s="1" t="s">
        <v>64</v>
      </c>
      <c r="E37" s="1" t="s">
        <v>484</v>
      </c>
      <c r="F37" s="1" t="s">
        <v>175</v>
      </c>
      <c r="G37" s="1" t="s">
        <v>212</v>
      </c>
      <c r="J37" s="1" t="s">
        <v>30</v>
      </c>
      <c r="K37" s="1" t="s">
        <v>267</v>
      </c>
      <c r="M37" s="1" t="s">
        <v>58</v>
      </c>
      <c r="N37" s="1" t="s">
        <v>33</v>
      </c>
      <c r="O37" s="1" t="s">
        <v>84</v>
      </c>
      <c r="P37" s="1" t="s">
        <v>35</v>
      </c>
      <c r="Q37" s="1" t="s">
        <v>40</v>
      </c>
      <c r="S37" s="1" t="s">
        <v>107</v>
      </c>
      <c r="U37" s="1">
        <v>7.7</v>
      </c>
      <c r="V37" s="1" t="s">
        <v>521</v>
      </c>
      <c r="W37" s="1" t="s">
        <v>514</v>
      </c>
      <c r="X37" s="1">
        <v>0.2</v>
      </c>
      <c r="Y37" s="1">
        <v>2.3E-2</v>
      </c>
      <c r="Z37" s="1">
        <v>1.6999999999999999E-3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1</v>
      </c>
      <c r="BD37" s="1">
        <v>0.15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1.7999999999999999E-2</v>
      </c>
      <c r="BO37" s="1"/>
      <c r="BP37" s="1"/>
      <c r="BQ37" s="1">
        <v>32.549999999999997</v>
      </c>
      <c r="BR37" s="1"/>
      <c r="BS37" s="1"/>
      <c r="BT37" s="1">
        <v>0.5</v>
      </c>
      <c r="BU37" s="1"/>
      <c r="BV37" s="1"/>
      <c r="BW37" s="1"/>
      <c r="BX37" s="1"/>
      <c r="BY37" s="1"/>
      <c r="BZ37" s="1"/>
    </row>
    <row r="38" spans="1:78" x14ac:dyDescent="0.15">
      <c r="B38" s="2">
        <v>0.41666666666666669</v>
      </c>
      <c r="C38" s="1" t="s">
        <v>485</v>
      </c>
      <c r="G38" s="1" t="s">
        <v>154</v>
      </c>
      <c r="J38" s="1" t="s">
        <v>60</v>
      </c>
      <c r="P38" s="1" t="s">
        <v>35</v>
      </c>
      <c r="Q38" s="1" t="s">
        <v>40</v>
      </c>
      <c r="S38" s="1" t="s">
        <v>30</v>
      </c>
      <c r="U38" s="1">
        <v>7.2</v>
      </c>
      <c r="V38" s="1"/>
      <c r="W38" s="1"/>
      <c r="X38" s="1">
        <v>0.17</v>
      </c>
      <c r="Y38" s="1">
        <v>1.4E-2</v>
      </c>
      <c r="Z38" s="1">
        <v>1.5E-3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0.08</v>
      </c>
      <c r="BD38" s="1">
        <v>0.13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0.01</v>
      </c>
      <c r="BO38" s="1"/>
      <c r="BP38" s="1"/>
      <c r="BQ38" s="1">
        <v>32.74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/>
      <c r="B39" s="2">
        <v>0.41666666666666669</v>
      </c>
      <c r="C39" s="1" t="s">
        <v>551</v>
      </c>
      <c r="D39" s="1"/>
      <c r="E39" s="1"/>
      <c r="F39" s="1"/>
      <c r="G39" s="1"/>
      <c r="H39" s="1"/>
      <c r="I39" s="1"/>
      <c r="J39" s="1">
        <v>11.3</v>
      </c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9</v>
      </c>
      <c r="E1" s="1" t="s">
        <v>2</v>
      </c>
      <c r="F1" s="1" t="s">
        <v>474</v>
      </c>
      <c r="G1" s="1" t="s">
        <v>3</v>
      </c>
      <c r="H1" s="1" t="s">
        <v>500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8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194444444444442</v>
      </c>
      <c r="C4" s="1" t="s">
        <v>483</v>
      </c>
      <c r="D4" s="1" t="s">
        <v>27</v>
      </c>
      <c r="E4" s="1" t="s">
        <v>484</v>
      </c>
      <c r="F4" s="1" t="s">
        <v>330</v>
      </c>
      <c r="G4" s="1" t="s">
        <v>38</v>
      </c>
      <c r="J4" s="1" t="s">
        <v>30</v>
      </c>
      <c r="K4" s="1" t="s">
        <v>125</v>
      </c>
      <c r="M4" s="1" t="s">
        <v>69</v>
      </c>
      <c r="N4" s="1" t="s">
        <v>33</v>
      </c>
      <c r="O4" s="1" t="s">
        <v>34</v>
      </c>
      <c r="P4" s="1" t="s">
        <v>35</v>
      </c>
      <c r="Q4" s="1" t="s">
        <v>40</v>
      </c>
      <c r="S4" s="1" t="s">
        <v>123</v>
      </c>
      <c r="U4" s="1">
        <v>7.8</v>
      </c>
      <c r="V4" s="1" t="s">
        <v>521</v>
      </c>
      <c r="W4" s="1" t="s">
        <v>514</v>
      </c>
      <c r="X4" s="1">
        <v>0.18</v>
      </c>
      <c r="Y4" s="1">
        <v>0.02</v>
      </c>
      <c r="Z4" s="1">
        <v>2.2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7.0000000000000007E-2</v>
      </c>
      <c r="BD4" s="1">
        <v>0.12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4E-2</v>
      </c>
      <c r="BO4" s="1"/>
      <c r="BP4" s="1"/>
      <c r="BQ4" s="1">
        <v>34.380000000000003</v>
      </c>
      <c r="BR4" s="1" t="s">
        <v>537</v>
      </c>
      <c r="BS4" s="1"/>
      <c r="BT4" s="1">
        <v>0.6</v>
      </c>
      <c r="BU4" s="1"/>
      <c r="BV4" s="1"/>
      <c r="BW4" s="1"/>
      <c r="BX4" s="1"/>
      <c r="BY4" s="1"/>
      <c r="BZ4" s="1"/>
    </row>
    <row r="5" spans="1:78" x14ac:dyDescent="0.15">
      <c r="B5" s="2">
        <v>0.38194444444444442</v>
      </c>
      <c r="C5" s="1" t="s">
        <v>485</v>
      </c>
      <c r="G5" s="1" t="s">
        <v>44</v>
      </c>
      <c r="J5" s="1" t="s">
        <v>127</v>
      </c>
      <c r="P5" s="1" t="s">
        <v>35</v>
      </c>
      <c r="Q5" s="1" t="s">
        <v>40</v>
      </c>
      <c r="S5" s="1" t="s">
        <v>331</v>
      </c>
      <c r="U5" s="1">
        <v>7.6</v>
      </c>
      <c r="V5" s="1"/>
      <c r="W5" s="1"/>
      <c r="X5" s="1">
        <v>0.16</v>
      </c>
      <c r="Y5" s="1">
        <v>0.02</v>
      </c>
      <c r="Z5" s="1">
        <v>1.9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7.0000000000000007E-2</v>
      </c>
      <c r="BD5" s="1">
        <v>0.12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8.9999999999999993E-3</v>
      </c>
      <c r="BO5" s="1"/>
      <c r="BP5" s="1"/>
      <c r="BQ5" s="1">
        <v>34.49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/>
      <c r="B6" s="2">
        <v>0.38194444444444442</v>
      </c>
      <c r="C6" s="1" t="s">
        <v>551</v>
      </c>
      <c r="D6" s="1"/>
      <c r="E6" s="1"/>
      <c r="F6" s="1"/>
      <c r="G6" s="1"/>
      <c r="H6" s="1"/>
      <c r="I6" s="1"/>
      <c r="J6" s="1">
        <v>7.8</v>
      </c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 t="s">
        <v>515</v>
      </c>
      <c r="AD6" s="1" t="s">
        <v>516</v>
      </c>
      <c r="AE6" s="1" t="s">
        <v>517</v>
      </c>
      <c r="AF6" s="1" t="s">
        <v>518</v>
      </c>
      <c r="AG6" s="1" t="s">
        <v>519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2</v>
      </c>
      <c r="B7" s="2">
        <v>0.39097222222222222</v>
      </c>
      <c r="C7" s="1" t="s">
        <v>483</v>
      </c>
      <c r="D7" s="1" t="s">
        <v>27</v>
      </c>
      <c r="E7" s="1" t="s">
        <v>484</v>
      </c>
      <c r="F7" s="1" t="s">
        <v>300</v>
      </c>
      <c r="G7" s="1" t="s">
        <v>48</v>
      </c>
      <c r="J7" s="1" t="s">
        <v>30</v>
      </c>
      <c r="K7" s="1" t="s">
        <v>104</v>
      </c>
      <c r="M7" s="1" t="s">
        <v>332</v>
      </c>
      <c r="N7" s="1" t="s">
        <v>333</v>
      </c>
      <c r="O7" s="1" t="s">
        <v>84</v>
      </c>
      <c r="P7" s="1" t="s">
        <v>35</v>
      </c>
      <c r="Q7" s="1" t="s">
        <v>40</v>
      </c>
      <c r="S7" s="1" t="s">
        <v>87</v>
      </c>
      <c r="U7" s="1">
        <v>8.1999999999999993</v>
      </c>
      <c r="V7" s="3">
        <v>33</v>
      </c>
      <c r="W7" s="1" t="s">
        <v>514</v>
      </c>
      <c r="X7" s="1">
        <v>0.69</v>
      </c>
      <c r="Y7" s="1">
        <v>3.6999999999999998E-2</v>
      </c>
      <c r="Z7" s="1">
        <v>1.4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22</v>
      </c>
      <c r="BD7" s="1">
        <v>0.27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3.3000000000000002E-2</v>
      </c>
      <c r="BO7" s="1"/>
      <c r="BP7" s="1"/>
      <c r="BQ7" s="1">
        <v>28.08</v>
      </c>
      <c r="BR7" s="1"/>
      <c r="BS7" s="1"/>
      <c r="BT7" s="1">
        <v>1.4</v>
      </c>
      <c r="BU7" s="1"/>
      <c r="BV7" s="1"/>
      <c r="BW7" s="1"/>
      <c r="BX7" s="1"/>
      <c r="BY7" s="1"/>
      <c r="BZ7" s="1"/>
    </row>
    <row r="8" spans="1:78" x14ac:dyDescent="0.15">
      <c r="B8" s="2">
        <v>0.39097222222222222</v>
      </c>
      <c r="C8" s="1" t="s">
        <v>485</v>
      </c>
      <c r="G8" s="1" t="s">
        <v>43</v>
      </c>
      <c r="J8" s="1" t="s">
        <v>29</v>
      </c>
      <c r="P8" s="1" t="s">
        <v>35</v>
      </c>
      <c r="Q8" s="1" t="s">
        <v>40</v>
      </c>
      <c r="S8" s="1" t="s">
        <v>50</v>
      </c>
      <c r="U8" s="1">
        <v>8</v>
      </c>
      <c r="V8" s="1"/>
      <c r="W8" s="1"/>
      <c r="X8" s="1">
        <v>0.34</v>
      </c>
      <c r="Y8" s="1">
        <v>1.4E-2</v>
      </c>
      <c r="Z8" s="1">
        <v>2.200000000000000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>
        <v>0.15</v>
      </c>
      <c r="BD8" s="1">
        <v>0.2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8.0000000000000002E-3</v>
      </c>
      <c r="BO8" s="1"/>
      <c r="BP8" s="1"/>
      <c r="BQ8" s="1">
        <v>34.22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/>
      <c r="B9" s="2">
        <v>0.39097222222222222</v>
      </c>
      <c r="C9" s="1" t="s">
        <v>551</v>
      </c>
      <c r="D9" s="1"/>
      <c r="E9" s="1"/>
      <c r="F9" s="1"/>
      <c r="G9" s="1"/>
      <c r="H9" s="1"/>
      <c r="I9" s="1"/>
      <c r="J9" s="1">
        <v>9.3000000000000007</v>
      </c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41666666666666669</v>
      </c>
      <c r="C10" s="1" t="s">
        <v>483</v>
      </c>
      <c r="D10" s="1" t="s">
        <v>52</v>
      </c>
      <c r="E10" s="1" t="s">
        <v>53</v>
      </c>
      <c r="F10" s="1" t="s">
        <v>291</v>
      </c>
      <c r="G10" s="1" t="s">
        <v>204</v>
      </c>
      <c r="J10" s="1" t="s">
        <v>30</v>
      </c>
      <c r="K10" s="1" t="s">
        <v>294</v>
      </c>
      <c r="M10" s="1" t="s">
        <v>56</v>
      </c>
      <c r="N10" s="1" t="s">
        <v>33</v>
      </c>
      <c r="O10" s="1" t="s">
        <v>57</v>
      </c>
      <c r="P10" s="1" t="s">
        <v>35</v>
      </c>
      <c r="Q10" s="1" t="s">
        <v>58</v>
      </c>
      <c r="S10" s="1" t="s">
        <v>251</v>
      </c>
      <c r="U10" s="1">
        <v>9.4</v>
      </c>
      <c r="V10" s="3">
        <v>140</v>
      </c>
      <c r="W10" s="1" t="s">
        <v>514</v>
      </c>
      <c r="X10" s="1">
        <v>0.49</v>
      </c>
      <c r="Y10" s="1">
        <v>0.02</v>
      </c>
      <c r="Z10" s="1">
        <v>1.4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>
        <v>0.22</v>
      </c>
      <c r="BD10" s="1">
        <v>0.27</v>
      </c>
      <c r="BE10" s="1"/>
      <c r="BF10" s="1"/>
      <c r="BG10" s="1"/>
      <c r="BH10" s="1"/>
      <c r="BI10" s="1"/>
      <c r="BJ10" s="1"/>
      <c r="BK10" s="1"/>
      <c r="BL10" s="1"/>
      <c r="BM10" s="1">
        <v>0.05</v>
      </c>
      <c r="BN10" s="1">
        <v>8.0000000000000002E-3</v>
      </c>
      <c r="BO10" s="1"/>
      <c r="BP10" s="1"/>
      <c r="BQ10" s="1">
        <v>28.13</v>
      </c>
      <c r="BR10" s="1" t="s">
        <v>537</v>
      </c>
      <c r="BS10" s="1"/>
      <c r="BT10" s="1">
        <v>4</v>
      </c>
      <c r="BU10" s="1"/>
      <c r="BV10" s="1"/>
      <c r="BW10" s="1"/>
      <c r="BX10" s="1"/>
      <c r="BY10" s="1"/>
      <c r="BZ10" s="1"/>
    </row>
    <row r="11" spans="1:78" x14ac:dyDescent="0.15">
      <c r="B11" s="2">
        <v>0.41666666666666669</v>
      </c>
      <c r="C11" s="1" t="s">
        <v>485</v>
      </c>
      <c r="G11" s="1" t="s">
        <v>257</v>
      </c>
      <c r="J11" s="1" t="s">
        <v>165</v>
      </c>
      <c r="P11" s="1" t="s">
        <v>35</v>
      </c>
      <c r="Q11" s="1" t="s">
        <v>40</v>
      </c>
      <c r="S11" s="1" t="s">
        <v>87</v>
      </c>
      <c r="U11" s="1">
        <v>7.6</v>
      </c>
      <c r="V11" s="1"/>
      <c r="W11" s="1"/>
      <c r="X11" s="1">
        <v>0.12</v>
      </c>
      <c r="Y11" s="1">
        <v>8.9999999999999993E-3</v>
      </c>
      <c r="Z11" s="1">
        <v>1.8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1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4.0000000000000001E-3</v>
      </c>
      <c r="BO11" s="1"/>
      <c r="BP11" s="1"/>
      <c r="BQ11" s="1">
        <v>33.89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/>
      <c r="B12" s="2">
        <v>0.41666666666666669</v>
      </c>
      <c r="C12" s="1" t="s">
        <v>551</v>
      </c>
      <c r="D12" s="1"/>
      <c r="E12" s="1"/>
      <c r="F12" s="1"/>
      <c r="G12" s="1"/>
      <c r="H12" s="1"/>
      <c r="I12" s="1"/>
      <c r="J12" s="1">
        <v>7.7</v>
      </c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18</v>
      </c>
      <c r="AG12" s="1" t="s">
        <v>519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3888888888888889</v>
      </c>
      <c r="C13" s="1" t="s">
        <v>483</v>
      </c>
      <c r="D13" s="1" t="s">
        <v>64</v>
      </c>
      <c r="E13" s="1" t="s">
        <v>53</v>
      </c>
      <c r="F13" s="1" t="s">
        <v>183</v>
      </c>
      <c r="G13" s="1" t="s">
        <v>334</v>
      </c>
      <c r="J13" s="1" t="s">
        <v>30</v>
      </c>
      <c r="K13" s="1" t="s">
        <v>125</v>
      </c>
      <c r="M13" s="1" t="s">
        <v>278</v>
      </c>
      <c r="N13" s="1" t="s">
        <v>33</v>
      </c>
      <c r="O13" s="1" t="s">
        <v>84</v>
      </c>
      <c r="P13" s="1" t="s">
        <v>35</v>
      </c>
      <c r="Q13" s="1" t="s">
        <v>40</v>
      </c>
      <c r="S13" s="1" t="s">
        <v>93</v>
      </c>
      <c r="U13" s="1">
        <v>7.2</v>
      </c>
      <c r="V13" s="3">
        <v>13</v>
      </c>
      <c r="W13" s="1" t="s">
        <v>514</v>
      </c>
      <c r="X13" s="1">
        <v>0.15</v>
      </c>
      <c r="Y13" s="1">
        <v>1.7000000000000001E-2</v>
      </c>
      <c r="Z13" s="1">
        <v>4.7999999999999996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04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>
        <v>0.04</v>
      </c>
      <c r="BN13" s="1">
        <v>1.0999999999999999E-2</v>
      </c>
      <c r="BO13" s="1"/>
      <c r="BP13" s="1"/>
      <c r="BQ13" s="1">
        <v>33.49</v>
      </c>
      <c r="BR13" s="1"/>
      <c r="BS13" s="1"/>
      <c r="BT13" s="1">
        <v>2</v>
      </c>
      <c r="BU13" s="1"/>
      <c r="BV13" s="1"/>
      <c r="BW13" s="1"/>
      <c r="BX13" s="1"/>
      <c r="BY13" s="1"/>
      <c r="BZ13" s="1"/>
    </row>
    <row r="14" spans="1:78" x14ac:dyDescent="0.15">
      <c r="B14" s="2">
        <v>0.3888888888888889</v>
      </c>
      <c r="C14" s="1" t="s">
        <v>485</v>
      </c>
      <c r="G14" s="1" t="s">
        <v>90</v>
      </c>
      <c r="J14" s="1" t="s">
        <v>127</v>
      </c>
      <c r="P14" s="1" t="s">
        <v>35</v>
      </c>
      <c r="Q14" s="1" t="s">
        <v>40</v>
      </c>
      <c r="S14" s="1" t="s">
        <v>100</v>
      </c>
      <c r="U14" s="1">
        <v>6.7</v>
      </c>
      <c r="V14" s="1"/>
      <c r="W14" s="1"/>
      <c r="X14" s="1">
        <v>0.11</v>
      </c>
      <c r="Y14" s="1">
        <v>1.4999999999999999E-2</v>
      </c>
      <c r="Z14" s="1">
        <v>4.7000000000000002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>
        <v>0.02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8.9999999999999993E-3</v>
      </c>
      <c r="BO14" s="1"/>
      <c r="BP14" s="1"/>
      <c r="BQ14" s="1">
        <v>33.82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/>
      <c r="B15" s="2">
        <v>0.3888888888888889</v>
      </c>
      <c r="C15" s="1" t="s">
        <v>551</v>
      </c>
      <c r="D15" s="1"/>
      <c r="E15" s="1"/>
      <c r="F15" s="1"/>
      <c r="G15" s="1"/>
      <c r="H15" s="1"/>
      <c r="I15" s="1"/>
      <c r="J15" s="1">
        <v>7.8</v>
      </c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43055555555555558</v>
      </c>
      <c r="C16" s="1" t="s">
        <v>483</v>
      </c>
      <c r="D16" s="1" t="s">
        <v>73</v>
      </c>
      <c r="E16" s="1" t="s">
        <v>53</v>
      </c>
      <c r="F16" s="1" t="s">
        <v>335</v>
      </c>
      <c r="G16" s="1" t="s">
        <v>286</v>
      </c>
      <c r="J16" s="1" t="s">
        <v>30</v>
      </c>
      <c r="K16" s="1" t="s">
        <v>302</v>
      </c>
      <c r="M16" s="1" t="s">
        <v>77</v>
      </c>
      <c r="N16" s="1" t="s">
        <v>33</v>
      </c>
      <c r="O16" s="1" t="s">
        <v>57</v>
      </c>
      <c r="P16" s="1" t="s">
        <v>35</v>
      </c>
      <c r="Q16" s="1" t="s">
        <v>141</v>
      </c>
      <c r="S16" s="1" t="s">
        <v>71</v>
      </c>
      <c r="U16" s="1">
        <v>10.199999999999999</v>
      </c>
      <c r="V16" s="3">
        <v>1700</v>
      </c>
      <c r="W16" s="1" t="s">
        <v>514</v>
      </c>
      <c r="X16" s="1">
        <v>0.48</v>
      </c>
      <c r="Y16" s="1">
        <v>1.4E-2</v>
      </c>
      <c r="Z16" s="1">
        <v>2.0999999999999999E-3</v>
      </c>
      <c r="AA16" s="1" t="s">
        <v>552</v>
      </c>
      <c r="AB16" s="1" t="s">
        <v>567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>
        <v>0.19</v>
      </c>
      <c r="BD16" s="1">
        <v>0.24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0.01</v>
      </c>
      <c r="BO16" s="1"/>
      <c r="BP16" s="1"/>
      <c r="BQ16" s="1">
        <v>28.82</v>
      </c>
      <c r="BR16" s="1" t="s">
        <v>537</v>
      </c>
      <c r="BS16" s="1"/>
      <c r="BT16" s="1">
        <v>9.9</v>
      </c>
      <c r="BU16" s="1"/>
      <c r="BV16" s="1"/>
      <c r="BW16" s="1"/>
      <c r="BX16" s="1"/>
      <c r="BY16" s="1"/>
      <c r="BZ16" s="1"/>
    </row>
    <row r="17" spans="1:78" x14ac:dyDescent="0.15">
      <c r="B17" s="2">
        <v>0.43055555555555558</v>
      </c>
      <c r="C17" s="1" t="s">
        <v>485</v>
      </c>
      <c r="G17" s="1" t="s">
        <v>275</v>
      </c>
      <c r="J17" s="1" t="s">
        <v>294</v>
      </c>
      <c r="P17" s="1" t="s">
        <v>35</v>
      </c>
      <c r="Q17" s="1" t="s">
        <v>58</v>
      </c>
      <c r="S17" s="1" t="s">
        <v>201</v>
      </c>
      <c r="U17" s="1">
        <v>6.8</v>
      </c>
      <c r="V17" s="1"/>
      <c r="W17" s="1"/>
      <c r="X17" s="1">
        <v>0.16</v>
      </c>
      <c r="Y17" s="1">
        <v>8.0000000000000002E-3</v>
      </c>
      <c r="Z17" s="1">
        <v>3.0999999999999999E-3</v>
      </c>
      <c r="AA17" s="1" t="s">
        <v>552</v>
      </c>
      <c r="AB17" s="1" t="s">
        <v>532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4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6.0000000000000001E-3</v>
      </c>
      <c r="BO17" s="1"/>
      <c r="BP17" s="1"/>
      <c r="BQ17" s="1">
        <v>32.9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43055555555555558</v>
      </c>
      <c r="C18" s="1" t="s">
        <v>551</v>
      </c>
      <c r="D18" s="1"/>
      <c r="E18" s="1"/>
      <c r="F18" s="1"/>
      <c r="G18" s="1"/>
      <c r="H18" s="1"/>
      <c r="I18" s="1"/>
      <c r="J18" s="1">
        <v>8.1999999999999993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 t="s">
        <v>515</v>
      </c>
      <c r="AD18" s="1" t="s">
        <v>516</v>
      </c>
      <c r="AE18" s="1" t="s">
        <v>517</v>
      </c>
      <c r="AF18" s="1" t="s">
        <v>518</v>
      </c>
      <c r="AG18" s="1" t="s">
        <v>519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9</v>
      </c>
      <c r="AZ18" s="1"/>
      <c r="BA18" s="1"/>
      <c r="BB18" s="1"/>
      <c r="BC18" s="1"/>
      <c r="BD18" s="1"/>
      <c r="BE18" s="1" t="s">
        <v>522</v>
      </c>
      <c r="BF18" s="1" t="s">
        <v>522</v>
      </c>
      <c r="BG18" s="1" t="s">
        <v>517</v>
      </c>
      <c r="BH18" s="1">
        <v>0.22</v>
      </c>
      <c r="BI18" s="1">
        <v>8.9999999999999998E-4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1</v>
      </c>
      <c r="B19" s="2">
        <v>0.3923611111111111</v>
      </c>
      <c r="C19" s="1" t="s">
        <v>483</v>
      </c>
      <c r="D19" s="1" t="s">
        <v>64</v>
      </c>
      <c r="E19" s="1" t="s">
        <v>53</v>
      </c>
      <c r="F19" s="1" t="s">
        <v>191</v>
      </c>
      <c r="G19" s="1" t="s">
        <v>153</v>
      </c>
      <c r="J19" s="1" t="s">
        <v>30</v>
      </c>
      <c r="K19" s="1" t="s">
        <v>125</v>
      </c>
      <c r="M19" s="1" t="s">
        <v>86</v>
      </c>
      <c r="N19" s="1" t="s">
        <v>33</v>
      </c>
      <c r="O19" s="1" t="s">
        <v>336</v>
      </c>
      <c r="P19" s="1" t="s">
        <v>35</v>
      </c>
      <c r="Q19" s="1" t="s">
        <v>58</v>
      </c>
      <c r="S19" s="1" t="s">
        <v>100</v>
      </c>
      <c r="U19" s="1">
        <v>7</v>
      </c>
      <c r="V19" s="3">
        <v>7</v>
      </c>
      <c r="W19" s="1" t="s">
        <v>514</v>
      </c>
      <c r="X19" s="1">
        <v>0.18</v>
      </c>
      <c r="Y19" s="1">
        <v>1.4E-2</v>
      </c>
      <c r="Z19" s="1">
        <v>6.8999999999999999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1</v>
      </c>
      <c r="BD19" s="1">
        <v>0.15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8.9999999999999993E-3</v>
      </c>
      <c r="BO19" s="1"/>
      <c r="BP19" s="1"/>
      <c r="BQ19" s="1">
        <v>33.47</v>
      </c>
      <c r="BR19" s="1"/>
      <c r="BS19" s="1"/>
      <c r="BT19" s="1">
        <v>0.5</v>
      </c>
      <c r="BU19" s="1"/>
      <c r="BV19" s="1"/>
      <c r="BW19" s="1"/>
      <c r="BX19" s="1"/>
      <c r="BY19" s="1"/>
      <c r="BZ19" s="1"/>
    </row>
    <row r="20" spans="1:78" x14ac:dyDescent="0.15">
      <c r="B20" s="2">
        <v>0.3923611111111111</v>
      </c>
      <c r="C20" s="1" t="s">
        <v>485</v>
      </c>
      <c r="G20" s="1" t="s">
        <v>153</v>
      </c>
      <c r="J20" s="1" t="s">
        <v>127</v>
      </c>
      <c r="P20" s="1" t="s">
        <v>35</v>
      </c>
      <c r="Q20" s="1" t="s">
        <v>58</v>
      </c>
      <c r="S20" s="1" t="s">
        <v>41</v>
      </c>
      <c r="U20" s="1">
        <v>6.7</v>
      </c>
      <c r="V20" s="1"/>
      <c r="W20" s="1"/>
      <c r="X20" s="1">
        <v>0.15</v>
      </c>
      <c r="Y20" s="1">
        <v>8.9999999999999993E-3</v>
      </c>
      <c r="Z20" s="1">
        <v>7.1999999999999998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08</v>
      </c>
      <c r="BD20" s="1">
        <v>0.13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7.0000000000000001E-3</v>
      </c>
      <c r="BO20" s="1"/>
      <c r="BP20" s="1"/>
      <c r="BQ20" s="1">
        <v>33.93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3923611111111111</v>
      </c>
      <c r="C21" s="1" t="s">
        <v>551</v>
      </c>
      <c r="D21" s="1"/>
      <c r="E21" s="1"/>
      <c r="F21" s="1"/>
      <c r="G21" s="1"/>
      <c r="H21" s="1"/>
      <c r="I21" s="1"/>
      <c r="J21" s="1">
        <v>7.7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4201388888888889</v>
      </c>
      <c r="C22" s="1" t="s">
        <v>483</v>
      </c>
      <c r="D22" s="1" t="s">
        <v>64</v>
      </c>
      <c r="E22" s="1" t="s">
        <v>53</v>
      </c>
      <c r="F22" s="1" t="s">
        <v>329</v>
      </c>
      <c r="G22" s="1" t="s">
        <v>90</v>
      </c>
      <c r="J22" s="1" t="s">
        <v>30</v>
      </c>
      <c r="K22" s="1" t="s">
        <v>149</v>
      </c>
      <c r="M22" s="1" t="s">
        <v>56</v>
      </c>
      <c r="N22" s="1" t="s">
        <v>33</v>
      </c>
      <c r="O22" s="1" t="s">
        <v>34</v>
      </c>
      <c r="P22" s="1" t="s">
        <v>35</v>
      </c>
      <c r="Q22" s="1" t="s">
        <v>40</v>
      </c>
      <c r="S22" s="1" t="s">
        <v>158</v>
      </c>
      <c r="U22" s="1">
        <v>7.3</v>
      </c>
      <c r="V22" s="3">
        <v>790</v>
      </c>
      <c r="W22" s="1" t="s">
        <v>514</v>
      </c>
      <c r="X22" s="1">
        <v>0.48</v>
      </c>
      <c r="Y22" s="1">
        <v>3.1E-2</v>
      </c>
      <c r="Z22" s="1">
        <v>4.700000000000000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38</v>
      </c>
      <c r="BD22" s="1">
        <v>0.43</v>
      </c>
      <c r="BE22" s="1"/>
      <c r="BF22" s="1"/>
      <c r="BG22" s="1"/>
      <c r="BH22" s="1"/>
      <c r="BI22" s="1"/>
      <c r="BJ22" s="1"/>
      <c r="BK22" s="1"/>
      <c r="BL22" s="1"/>
      <c r="BM22" s="1">
        <v>0.06</v>
      </c>
      <c r="BN22" s="1">
        <v>2.9000000000000001E-2</v>
      </c>
      <c r="BO22" s="1"/>
      <c r="BP22" s="1"/>
      <c r="BQ22" s="1">
        <v>28.5</v>
      </c>
      <c r="BR22" s="1" t="s">
        <v>537</v>
      </c>
      <c r="BS22" s="1"/>
      <c r="BT22" s="1">
        <v>0.6</v>
      </c>
      <c r="BU22" s="1"/>
      <c r="BV22" s="1"/>
      <c r="BW22" s="1"/>
      <c r="BX22" s="1"/>
      <c r="BY22" s="1"/>
      <c r="BZ22" s="1"/>
    </row>
    <row r="23" spans="1:78" x14ac:dyDescent="0.15">
      <c r="B23" s="2">
        <v>0.4201388888888889</v>
      </c>
      <c r="C23" s="1" t="s">
        <v>485</v>
      </c>
      <c r="G23" s="1" t="s">
        <v>290</v>
      </c>
      <c r="J23" s="1" t="s">
        <v>212</v>
      </c>
      <c r="P23" s="1" t="s">
        <v>35</v>
      </c>
      <c r="Q23" s="1" t="s">
        <v>58</v>
      </c>
      <c r="S23" s="1" t="s">
        <v>50</v>
      </c>
      <c r="U23" s="1">
        <v>6.6</v>
      </c>
      <c r="V23" s="1"/>
      <c r="W23" s="1"/>
      <c r="X23" s="1">
        <v>0.2</v>
      </c>
      <c r="Y23" s="1">
        <v>1.4999999999999999E-2</v>
      </c>
      <c r="Z23" s="1">
        <v>5.1000000000000004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>
        <v>0.01</v>
      </c>
      <c r="BC23" s="1">
        <v>0.05</v>
      </c>
      <c r="BD23" s="1">
        <v>0.1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2999999999999999E-2</v>
      </c>
      <c r="BO23" s="1"/>
      <c r="BP23" s="1"/>
      <c r="BQ23" s="1">
        <v>32.84000000000000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4201388888888889</v>
      </c>
      <c r="C24" s="1" t="s">
        <v>551</v>
      </c>
      <c r="D24" s="1"/>
      <c r="E24" s="1"/>
      <c r="F24" s="1"/>
      <c r="G24" s="1"/>
      <c r="H24" s="1"/>
      <c r="I24" s="1"/>
      <c r="J24" s="1">
        <v>7.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18</v>
      </c>
      <c r="AG24" s="1" t="s">
        <v>519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41666666666666669</v>
      </c>
      <c r="C25" s="1" t="s">
        <v>483</v>
      </c>
      <c r="D25" s="1" t="s">
        <v>64</v>
      </c>
      <c r="E25" s="1" t="s">
        <v>95</v>
      </c>
      <c r="F25" s="1" t="s">
        <v>54</v>
      </c>
      <c r="G25" s="1" t="s">
        <v>54</v>
      </c>
      <c r="J25" s="1" t="s">
        <v>30</v>
      </c>
      <c r="K25" s="1" t="s">
        <v>147</v>
      </c>
      <c r="M25" s="1" t="s">
        <v>337</v>
      </c>
      <c r="N25" s="1" t="s">
        <v>33</v>
      </c>
      <c r="O25" s="1" t="s">
        <v>84</v>
      </c>
      <c r="P25" s="1" t="s">
        <v>35</v>
      </c>
      <c r="Q25" s="1" t="s">
        <v>58</v>
      </c>
      <c r="S25" s="1" t="s">
        <v>158</v>
      </c>
      <c r="U25" s="1">
        <v>7.3</v>
      </c>
      <c r="V25" s="3">
        <v>11</v>
      </c>
      <c r="W25" s="1" t="s">
        <v>514</v>
      </c>
      <c r="X25" s="1">
        <v>0.11</v>
      </c>
      <c r="Y25" s="1">
        <v>0.02</v>
      </c>
      <c r="Z25" s="1">
        <v>4.8999999999999998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2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8.9999999999999993E-3</v>
      </c>
      <c r="BO25" s="1"/>
      <c r="BP25" s="1"/>
      <c r="BQ25" s="1">
        <v>33.299999999999997</v>
      </c>
      <c r="BR25" s="1"/>
      <c r="BS25" s="1"/>
      <c r="BT25" s="1">
        <v>1.1000000000000001</v>
      </c>
      <c r="BU25" s="1"/>
      <c r="BV25" s="1"/>
      <c r="BW25" s="1"/>
      <c r="BX25" s="1"/>
      <c r="BY25" s="1"/>
      <c r="BZ25" s="1"/>
    </row>
    <row r="26" spans="1:78" x14ac:dyDescent="0.15">
      <c r="B26" s="2">
        <v>0.41666666666666669</v>
      </c>
      <c r="C26" s="1" t="s">
        <v>485</v>
      </c>
      <c r="G26" s="1" t="s">
        <v>330</v>
      </c>
      <c r="J26" s="1" t="s">
        <v>149</v>
      </c>
      <c r="P26" s="1" t="s">
        <v>35</v>
      </c>
      <c r="Q26" s="1" t="s">
        <v>58</v>
      </c>
      <c r="S26" s="1" t="s">
        <v>41</v>
      </c>
      <c r="U26" s="1">
        <v>7.8</v>
      </c>
      <c r="V26" s="1"/>
      <c r="W26" s="1"/>
      <c r="X26" s="1">
        <v>0.1</v>
      </c>
      <c r="Y26" s="1">
        <v>1.2E-2</v>
      </c>
      <c r="Z26" s="1">
        <v>7.3000000000000001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1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5.0000000000000001E-3</v>
      </c>
      <c r="BO26" s="1"/>
      <c r="BP26" s="1"/>
      <c r="BQ26" s="1">
        <v>33.31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41666666666666669</v>
      </c>
      <c r="C27" s="1" t="s">
        <v>551</v>
      </c>
      <c r="D27" s="1"/>
      <c r="E27" s="1"/>
      <c r="F27" s="1"/>
      <c r="G27" s="1"/>
      <c r="H27" s="1"/>
      <c r="I27" s="1"/>
      <c r="J27" s="1">
        <v>8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03</v>
      </c>
      <c r="B28" s="2">
        <v>0.41319444444444442</v>
      </c>
      <c r="C28" s="1" t="s">
        <v>483</v>
      </c>
      <c r="D28" s="1" t="s">
        <v>304</v>
      </c>
      <c r="E28" s="1" t="s">
        <v>486</v>
      </c>
      <c r="F28" s="1" t="s">
        <v>157</v>
      </c>
      <c r="G28" s="1" t="s">
        <v>207</v>
      </c>
      <c r="J28" s="1" t="s">
        <v>30</v>
      </c>
      <c r="K28" s="1" t="s">
        <v>156</v>
      </c>
      <c r="M28" s="1" t="s">
        <v>86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41</v>
      </c>
      <c r="U28" s="1">
        <v>7.1</v>
      </c>
      <c r="V28" s="3">
        <v>4</v>
      </c>
      <c r="W28" s="1" t="s">
        <v>514</v>
      </c>
      <c r="X28" s="1">
        <v>0.22</v>
      </c>
      <c r="Y28" s="1">
        <v>1.7000000000000001E-2</v>
      </c>
      <c r="Z28" s="1">
        <v>3.3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5</v>
      </c>
      <c r="BD28" s="1">
        <v>0.1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6.0000000000000001E-3</v>
      </c>
      <c r="BO28" s="1"/>
      <c r="BP28" s="1"/>
      <c r="BQ28" s="1">
        <v>33.39</v>
      </c>
      <c r="BR28" s="1" t="s">
        <v>537</v>
      </c>
      <c r="BS28" s="1"/>
      <c r="BT28" s="1">
        <v>0.6</v>
      </c>
      <c r="BU28" s="1"/>
      <c r="BV28" s="1"/>
      <c r="BW28" s="1"/>
      <c r="BX28" s="1"/>
      <c r="BY28" s="1"/>
      <c r="BZ28" s="1"/>
    </row>
    <row r="29" spans="1:78" x14ac:dyDescent="0.15">
      <c r="B29" s="2">
        <v>0.41319444444444442</v>
      </c>
      <c r="C29" s="1" t="s">
        <v>485</v>
      </c>
      <c r="G29" s="1" t="s">
        <v>104</v>
      </c>
      <c r="J29" s="1" t="s">
        <v>152</v>
      </c>
      <c r="P29" s="1" t="s">
        <v>35</v>
      </c>
      <c r="Q29" s="1" t="s">
        <v>40</v>
      </c>
      <c r="S29" s="1" t="s">
        <v>50</v>
      </c>
      <c r="U29" s="1">
        <v>6.7</v>
      </c>
      <c r="V29" s="1"/>
      <c r="W29" s="1"/>
      <c r="X29" s="1">
        <v>0.19</v>
      </c>
      <c r="Y29" s="1">
        <v>1.0999999999999999E-2</v>
      </c>
      <c r="Z29" s="1">
        <v>3.0999999999999999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03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3.0000000000000001E-3</v>
      </c>
      <c r="BO29" s="1"/>
      <c r="BP29" s="1"/>
      <c r="BQ29" s="1">
        <v>33.94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41319444444444442</v>
      </c>
      <c r="C30" s="1" t="s">
        <v>551</v>
      </c>
      <c r="D30" s="1"/>
      <c r="E30" s="1"/>
      <c r="F30" s="1"/>
      <c r="G30" s="1"/>
      <c r="H30" s="1"/>
      <c r="I30" s="1"/>
      <c r="J30" s="1">
        <v>7.9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 t="s">
        <v>515</v>
      </c>
      <c r="AD30" s="1" t="s">
        <v>516</v>
      </c>
      <c r="AE30" s="1" t="s">
        <v>517</v>
      </c>
      <c r="AF30" s="1" t="s">
        <v>518</v>
      </c>
      <c r="AG30" s="1" t="s">
        <v>519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8</v>
      </c>
      <c r="B31" s="2">
        <v>0.375</v>
      </c>
      <c r="C31" s="1" t="s">
        <v>483</v>
      </c>
      <c r="D31" s="1" t="s">
        <v>27</v>
      </c>
      <c r="E31" s="1" t="s">
        <v>53</v>
      </c>
      <c r="F31" s="1" t="s">
        <v>102</v>
      </c>
      <c r="G31" s="1" t="s">
        <v>315</v>
      </c>
      <c r="J31" s="1" t="s">
        <v>30</v>
      </c>
      <c r="K31" s="1" t="s">
        <v>127</v>
      </c>
      <c r="M31" s="1" t="s">
        <v>86</v>
      </c>
      <c r="N31" s="1" t="s">
        <v>33</v>
      </c>
      <c r="O31" s="1" t="s">
        <v>338</v>
      </c>
      <c r="P31" s="1" t="s">
        <v>35</v>
      </c>
      <c r="Q31" s="1" t="s">
        <v>40</v>
      </c>
      <c r="S31" s="1" t="s">
        <v>87</v>
      </c>
      <c r="U31" s="1">
        <v>7.2</v>
      </c>
      <c r="V31" s="3">
        <v>2</v>
      </c>
      <c r="W31" s="1" t="s">
        <v>514</v>
      </c>
      <c r="X31" s="1">
        <v>0.17</v>
      </c>
      <c r="Y31" s="1">
        <v>1.2999999999999999E-2</v>
      </c>
      <c r="Z31" s="1">
        <v>4.5999999999999999E-3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7.0000000000000007E-2</v>
      </c>
      <c r="BD31" s="1">
        <v>0.12</v>
      </c>
      <c r="BF31" s="1"/>
      <c r="BG31" s="1"/>
      <c r="BH31" s="1"/>
      <c r="BI31" s="1"/>
      <c r="BJ31" s="1"/>
      <c r="BK31" s="1"/>
      <c r="BL31" s="1"/>
      <c r="BM31" s="1">
        <v>0.05</v>
      </c>
      <c r="BN31" s="1">
        <v>0.01</v>
      </c>
      <c r="BO31" s="1"/>
      <c r="BP31" s="1"/>
      <c r="BQ31" s="1">
        <v>32.97</v>
      </c>
      <c r="BR31" s="1"/>
      <c r="BS31" s="1"/>
      <c r="BT31" s="1" t="s">
        <v>514</v>
      </c>
      <c r="BU31" s="1"/>
      <c r="BV31" s="1"/>
      <c r="BW31" s="1"/>
      <c r="BX31" s="1"/>
      <c r="BY31" s="1"/>
      <c r="BZ31" s="1"/>
    </row>
    <row r="32" spans="1:78" x14ac:dyDescent="0.15">
      <c r="B32" s="2">
        <v>0.375</v>
      </c>
      <c r="C32" s="1" t="s">
        <v>485</v>
      </c>
      <c r="G32" s="1" t="s">
        <v>339</v>
      </c>
      <c r="J32" s="1" t="s">
        <v>140</v>
      </c>
      <c r="P32" s="1" t="s">
        <v>35</v>
      </c>
      <c r="Q32" s="1" t="s">
        <v>40</v>
      </c>
      <c r="S32" s="1" t="s">
        <v>107</v>
      </c>
      <c r="U32" s="1">
        <v>6.9</v>
      </c>
      <c r="V32" s="1"/>
      <c r="W32" s="1"/>
      <c r="X32" s="1">
        <v>0.15</v>
      </c>
      <c r="Y32" s="1">
        <v>1.0999999999999999E-2</v>
      </c>
      <c r="Z32" s="1">
        <v>7.1999999999999998E-3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8.9999999999999993E-3</v>
      </c>
      <c r="BO32" s="1"/>
      <c r="BP32" s="1"/>
      <c r="BQ32" s="1">
        <v>33.72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/>
      <c r="B33" s="2">
        <v>0.375</v>
      </c>
      <c r="C33" s="1" t="s">
        <v>551</v>
      </c>
      <c r="D33" s="1"/>
      <c r="E33" s="1"/>
      <c r="F33" s="1"/>
      <c r="G33" s="1"/>
      <c r="H33" s="1"/>
      <c r="I33" s="1"/>
      <c r="J33" s="1">
        <v>7.25</v>
      </c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35069444444444442</v>
      </c>
      <c r="C34" s="1" t="s">
        <v>483</v>
      </c>
      <c r="D34" s="1" t="s">
        <v>113</v>
      </c>
      <c r="E34" s="1" t="s">
        <v>53</v>
      </c>
      <c r="F34" s="1" t="s">
        <v>250</v>
      </c>
      <c r="G34" s="1" t="s">
        <v>340</v>
      </c>
      <c r="J34" s="1" t="s">
        <v>30</v>
      </c>
      <c r="K34" s="1" t="s">
        <v>125</v>
      </c>
      <c r="M34" s="1" t="s">
        <v>250</v>
      </c>
      <c r="N34" s="1" t="s">
        <v>33</v>
      </c>
      <c r="O34" s="1" t="s">
        <v>84</v>
      </c>
      <c r="P34" s="1" t="s">
        <v>35</v>
      </c>
      <c r="Q34" s="1" t="s">
        <v>40</v>
      </c>
      <c r="S34" s="1" t="s">
        <v>100</v>
      </c>
      <c r="U34" s="1">
        <v>8</v>
      </c>
      <c r="V34" s="1" t="s">
        <v>521</v>
      </c>
      <c r="W34" s="1" t="s">
        <v>514</v>
      </c>
      <c r="X34" s="1">
        <v>0.36</v>
      </c>
      <c r="Y34" s="1">
        <v>1.4999999999999999E-2</v>
      </c>
      <c r="Z34" s="1">
        <v>5.1999999999999998E-3</v>
      </c>
      <c r="AA34" t="s">
        <v>552</v>
      </c>
      <c r="AB34" t="s">
        <v>55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09</v>
      </c>
      <c r="BD34" s="1">
        <v>0.14000000000000001</v>
      </c>
      <c r="BF34" s="1"/>
      <c r="BG34" s="1"/>
      <c r="BH34" s="1"/>
      <c r="BI34" s="1"/>
      <c r="BJ34" s="1"/>
      <c r="BK34" s="1"/>
      <c r="BL34" s="1"/>
      <c r="BM34" s="1">
        <v>0.16</v>
      </c>
      <c r="BN34" s="1">
        <v>1.4E-2</v>
      </c>
      <c r="BO34" s="1"/>
      <c r="BP34" s="1"/>
      <c r="BQ34" s="1">
        <v>33.82</v>
      </c>
      <c r="BR34" s="1" t="s">
        <v>537</v>
      </c>
      <c r="BS34" s="1"/>
      <c r="BT34" s="1">
        <v>1.5</v>
      </c>
      <c r="BU34" s="1"/>
      <c r="BV34" s="1"/>
      <c r="BW34" s="1"/>
      <c r="BX34" s="1"/>
      <c r="BY34" s="1"/>
      <c r="BZ34" s="1"/>
    </row>
    <row r="35" spans="1:78" x14ac:dyDescent="0.15">
      <c r="B35" s="2">
        <v>0.35069444444444442</v>
      </c>
      <c r="C35" s="1" t="s">
        <v>485</v>
      </c>
      <c r="G35" s="1" t="s">
        <v>163</v>
      </c>
      <c r="J35" s="1" t="s">
        <v>127</v>
      </c>
      <c r="P35" s="1" t="s">
        <v>35</v>
      </c>
      <c r="Q35" s="1" t="s">
        <v>40</v>
      </c>
      <c r="S35" s="1" t="s">
        <v>41</v>
      </c>
      <c r="U35" s="1">
        <v>8</v>
      </c>
      <c r="V35" s="1"/>
      <c r="W35" s="1"/>
      <c r="X35" s="1">
        <v>0.28000000000000003</v>
      </c>
      <c r="Y35" s="1">
        <v>1.4999999999999999E-2</v>
      </c>
      <c r="Z35" s="1">
        <v>3.5999999999999999E-3</v>
      </c>
      <c r="AA35" t="s">
        <v>552</v>
      </c>
      <c r="AB35" t="s">
        <v>574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7.0000000000000007E-2</v>
      </c>
      <c r="BD35" s="1">
        <v>0.12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0.01</v>
      </c>
      <c r="BO35" s="1"/>
      <c r="BP35" s="1"/>
      <c r="BQ35" s="1">
        <v>33.9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/>
      <c r="B36" s="2">
        <v>0.35069444444444442</v>
      </c>
      <c r="C36" s="1" t="s">
        <v>551</v>
      </c>
      <c r="D36" s="1"/>
      <c r="E36" s="1"/>
      <c r="F36" s="1"/>
      <c r="G36" s="1"/>
      <c r="H36" s="1"/>
      <c r="I36" s="1"/>
      <c r="J36" s="1">
        <v>7.8</v>
      </c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18</v>
      </c>
      <c r="AG36" s="1" t="s">
        <v>519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9</v>
      </c>
      <c r="AZ36" s="1"/>
      <c r="BA36" s="1"/>
      <c r="BB36" s="1"/>
      <c r="BC36" s="1"/>
      <c r="BD36" s="1"/>
      <c r="BE36" t="s">
        <v>522</v>
      </c>
      <c r="BF36" s="1" t="s">
        <v>522</v>
      </c>
      <c r="BG36" s="1">
        <v>6.9999999999999999E-4</v>
      </c>
      <c r="BH36" s="1" t="s">
        <v>518</v>
      </c>
      <c r="BI36" s="1" t="s">
        <v>517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18</v>
      </c>
      <c r="B37" s="2">
        <v>0.38541666666666669</v>
      </c>
      <c r="C37" s="1" t="s">
        <v>483</v>
      </c>
      <c r="D37" s="1" t="s">
        <v>64</v>
      </c>
      <c r="E37" s="1" t="s">
        <v>53</v>
      </c>
      <c r="F37" s="1" t="s">
        <v>312</v>
      </c>
      <c r="G37" s="1" t="s">
        <v>165</v>
      </c>
      <c r="J37" s="1" t="s">
        <v>30</v>
      </c>
      <c r="K37" s="1" t="s">
        <v>125</v>
      </c>
      <c r="M37" s="1" t="s">
        <v>86</v>
      </c>
      <c r="N37" s="1" t="s">
        <v>33</v>
      </c>
      <c r="O37" s="1" t="s">
        <v>84</v>
      </c>
      <c r="P37" s="1" t="s">
        <v>35</v>
      </c>
      <c r="Q37" s="1" t="s">
        <v>40</v>
      </c>
      <c r="S37" s="1" t="s">
        <v>107</v>
      </c>
      <c r="U37" s="1">
        <v>8</v>
      </c>
      <c r="V37" s="1" t="s">
        <v>521</v>
      </c>
      <c r="W37" s="1" t="s">
        <v>514</v>
      </c>
      <c r="X37" s="1">
        <v>0.15</v>
      </c>
      <c r="Y37" s="1">
        <v>1.4E-2</v>
      </c>
      <c r="Z37" s="1">
        <v>2E-3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7.0000000000000007E-2</v>
      </c>
      <c r="BD37" s="1">
        <v>0.12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0.01</v>
      </c>
      <c r="BO37" s="1"/>
      <c r="BP37" s="1"/>
      <c r="BQ37" s="1">
        <v>32.549999999999997</v>
      </c>
      <c r="BR37" s="1"/>
      <c r="BS37" s="1"/>
      <c r="BT37" s="1">
        <v>0.9</v>
      </c>
      <c r="BU37" s="1"/>
      <c r="BV37" s="1"/>
      <c r="BW37" s="1"/>
      <c r="BX37" s="1"/>
      <c r="BY37" s="1"/>
      <c r="BZ37" s="1"/>
    </row>
    <row r="38" spans="1:78" x14ac:dyDescent="0.15">
      <c r="B38" s="2">
        <v>0.38541666666666669</v>
      </c>
      <c r="C38" s="1" t="s">
        <v>485</v>
      </c>
      <c r="G38" s="1" t="s">
        <v>137</v>
      </c>
      <c r="J38" s="1" t="s">
        <v>127</v>
      </c>
      <c r="P38" s="1" t="s">
        <v>35</v>
      </c>
      <c r="Q38" s="1" t="s">
        <v>40</v>
      </c>
      <c r="S38" s="1" t="s">
        <v>30</v>
      </c>
      <c r="U38" s="1">
        <v>7.9</v>
      </c>
      <c r="V38" s="1"/>
      <c r="W38" s="1"/>
      <c r="X38" s="1">
        <v>0.14000000000000001</v>
      </c>
      <c r="Y38" s="1">
        <v>1.0999999999999999E-2</v>
      </c>
      <c r="Z38" s="1">
        <v>1.5E-3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0.06</v>
      </c>
      <c r="BD38" s="1">
        <v>0.11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7.0000000000000001E-3</v>
      </c>
      <c r="BO38" s="1"/>
      <c r="BP38" s="1"/>
      <c r="BQ38" s="1">
        <v>32.590000000000003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/>
      <c r="B39" s="2">
        <v>0.38541666666666669</v>
      </c>
      <c r="C39" s="1" t="s">
        <v>551</v>
      </c>
      <c r="D39" s="1"/>
      <c r="E39" s="1"/>
      <c r="F39" s="1"/>
      <c r="G39" s="1"/>
      <c r="H39" s="1"/>
      <c r="I39" s="1"/>
      <c r="J39" s="1">
        <v>7.8</v>
      </c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1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9513888888888887</v>
      </c>
      <c r="C4" s="1" t="s">
        <v>483</v>
      </c>
      <c r="D4" s="1" t="s">
        <v>27</v>
      </c>
      <c r="E4" s="1" t="s">
        <v>341</v>
      </c>
      <c r="F4" s="1" t="s">
        <v>342</v>
      </c>
      <c r="G4" s="1" t="s">
        <v>130</v>
      </c>
      <c r="J4" s="1" t="s">
        <v>30</v>
      </c>
      <c r="K4" s="1" t="s">
        <v>343</v>
      </c>
      <c r="M4" s="1" t="s">
        <v>126</v>
      </c>
      <c r="N4" s="1" t="s">
        <v>33</v>
      </c>
      <c r="O4" s="1" t="s">
        <v>171</v>
      </c>
      <c r="P4" s="1" t="s">
        <v>35</v>
      </c>
      <c r="Q4" s="1" t="s">
        <v>58</v>
      </c>
      <c r="S4" s="1" t="s">
        <v>251</v>
      </c>
      <c r="U4" s="1">
        <v>8.8000000000000007</v>
      </c>
      <c r="V4" s="1"/>
      <c r="W4" s="1"/>
      <c r="X4" s="1">
        <v>0.12</v>
      </c>
      <c r="Y4" s="1">
        <v>1.7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3</v>
      </c>
      <c r="BD4" s="1" t="s">
        <v>529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6.0000000000000001E-3</v>
      </c>
      <c r="BO4" s="1"/>
      <c r="BP4" s="1"/>
      <c r="BQ4" s="1">
        <v>34.32</v>
      </c>
      <c r="BR4" s="1"/>
      <c r="BS4" s="1"/>
      <c r="BT4" s="1">
        <v>6.1</v>
      </c>
      <c r="BU4" s="1"/>
      <c r="BV4" s="1"/>
      <c r="BW4" s="1"/>
      <c r="BX4" s="1"/>
      <c r="BY4" s="1"/>
      <c r="BZ4" s="1"/>
    </row>
    <row r="5" spans="1:78" x14ac:dyDescent="0.15">
      <c r="B5" s="2">
        <v>0.39513888888888887</v>
      </c>
      <c r="C5" s="1" t="s">
        <v>485</v>
      </c>
      <c r="D5" s="1" t="s">
        <v>27</v>
      </c>
      <c r="E5" s="1" t="s">
        <v>341</v>
      </c>
      <c r="G5" s="1" t="s">
        <v>156</v>
      </c>
      <c r="J5" s="1" t="s">
        <v>28</v>
      </c>
      <c r="N5" s="1" t="s">
        <v>33</v>
      </c>
      <c r="P5" s="1" t="s">
        <v>35</v>
      </c>
      <c r="Q5" s="1" t="s">
        <v>58</v>
      </c>
      <c r="S5" s="1" t="s">
        <v>93</v>
      </c>
      <c r="U5" s="1">
        <v>8.1</v>
      </c>
      <c r="V5" s="1"/>
      <c r="W5" s="1"/>
      <c r="X5" s="1">
        <v>0.12</v>
      </c>
      <c r="Y5" s="1">
        <v>1.7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4</v>
      </c>
      <c r="BD5" s="1" t="s">
        <v>529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4E-2</v>
      </c>
      <c r="BO5" s="1"/>
      <c r="BP5" s="1"/>
      <c r="BQ5" s="1">
        <v>34.49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47986111111111113</v>
      </c>
      <c r="C6" s="1" t="s">
        <v>483</v>
      </c>
      <c r="D6" s="1" t="s">
        <v>64</v>
      </c>
      <c r="E6" s="1" t="s">
        <v>95</v>
      </c>
      <c r="F6" s="1" t="s">
        <v>344</v>
      </c>
      <c r="G6" s="1" t="s">
        <v>301</v>
      </c>
      <c r="J6" s="1" t="s">
        <v>30</v>
      </c>
      <c r="K6" s="1" t="s">
        <v>89</v>
      </c>
      <c r="M6" s="1" t="s">
        <v>345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62</v>
      </c>
      <c r="U6" s="1">
        <v>8.4</v>
      </c>
      <c r="V6" s="3">
        <v>79</v>
      </c>
      <c r="W6" s="1"/>
      <c r="X6" s="1">
        <v>0.12</v>
      </c>
      <c r="Y6" s="1">
        <v>3.5000000000000003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>
        <v>0.02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2.1000000000000001E-2</v>
      </c>
      <c r="BO6" s="1"/>
      <c r="BP6" s="1"/>
      <c r="BQ6" s="1">
        <v>33.86</v>
      </c>
      <c r="BR6" s="1"/>
      <c r="BS6" s="1"/>
      <c r="BT6" s="1">
        <v>0.7</v>
      </c>
      <c r="BU6" s="1"/>
      <c r="BV6" s="1"/>
      <c r="BW6" s="1"/>
      <c r="BX6" s="1"/>
      <c r="BY6" s="1"/>
      <c r="BZ6" s="1"/>
    </row>
    <row r="7" spans="1:78" x14ac:dyDescent="0.15">
      <c r="B7" s="2">
        <v>0.47986111111111113</v>
      </c>
      <c r="C7" s="1" t="s">
        <v>485</v>
      </c>
      <c r="D7" s="1" t="s">
        <v>64</v>
      </c>
      <c r="E7" s="1" t="s">
        <v>95</v>
      </c>
      <c r="G7" s="1" t="s">
        <v>176</v>
      </c>
      <c r="J7" s="1" t="s">
        <v>136</v>
      </c>
      <c r="N7" s="1" t="s">
        <v>33</v>
      </c>
      <c r="P7" s="1" t="s">
        <v>35</v>
      </c>
      <c r="Q7" s="1" t="s">
        <v>58</v>
      </c>
      <c r="S7" s="1" t="s">
        <v>100</v>
      </c>
      <c r="U7" s="1">
        <v>8.4</v>
      </c>
      <c r="V7" s="1"/>
      <c r="W7" s="1"/>
      <c r="X7" s="1">
        <v>0.06</v>
      </c>
      <c r="Y7" s="1">
        <v>1.4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 t="s">
        <v>518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7.0000000000000001E-3</v>
      </c>
      <c r="BO7" s="1"/>
      <c r="BP7" s="1"/>
      <c r="BQ7" s="1">
        <v>34.34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39930555555555558</v>
      </c>
      <c r="C8" s="1" t="s">
        <v>483</v>
      </c>
      <c r="D8" s="1" t="s">
        <v>113</v>
      </c>
      <c r="E8" s="1" t="s">
        <v>53</v>
      </c>
      <c r="F8" s="1" t="s">
        <v>196</v>
      </c>
      <c r="G8" s="1" t="s">
        <v>155</v>
      </c>
      <c r="J8" s="1" t="s">
        <v>30</v>
      </c>
      <c r="K8" s="1" t="s">
        <v>248</v>
      </c>
      <c r="M8" s="1" t="s">
        <v>142</v>
      </c>
      <c r="N8" s="1" t="s">
        <v>33</v>
      </c>
      <c r="O8" s="1" t="s">
        <v>303</v>
      </c>
      <c r="P8" s="1" t="s">
        <v>35</v>
      </c>
      <c r="Q8" s="1" t="s">
        <v>68</v>
      </c>
      <c r="S8" s="1" t="s">
        <v>77</v>
      </c>
      <c r="U8" s="1">
        <v>11</v>
      </c>
      <c r="V8" s="1"/>
      <c r="W8" s="1"/>
      <c r="X8" s="1">
        <v>0.15</v>
      </c>
      <c r="Y8" s="1">
        <v>0.0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2E-3</v>
      </c>
      <c r="BO8" s="1"/>
      <c r="BP8" s="1"/>
      <c r="BQ8" s="1">
        <v>33.380000000000003</v>
      </c>
      <c r="BR8" s="1"/>
      <c r="BS8" s="1"/>
      <c r="BT8" s="1">
        <v>8.6999999999999993</v>
      </c>
      <c r="BU8" s="1"/>
      <c r="BV8" s="1"/>
      <c r="BW8" s="1"/>
      <c r="BX8" s="1"/>
      <c r="BY8" s="1"/>
      <c r="BZ8" s="1"/>
    </row>
    <row r="9" spans="1:78" x14ac:dyDescent="0.15">
      <c r="B9" s="2">
        <v>0.39930555555555558</v>
      </c>
      <c r="C9" s="1" t="s">
        <v>485</v>
      </c>
      <c r="D9" s="1" t="s">
        <v>113</v>
      </c>
      <c r="E9" s="1" t="s">
        <v>53</v>
      </c>
      <c r="G9" s="1" t="s">
        <v>97</v>
      </c>
      <c r="J9" s="1" t="s">
        <v>124</v>
      </c>
      <c r="N9" s="1" t="s">
        <v>33</v>
      </c>
      <c r="P9" s="1" t="s">
        <v>35</v>
      </c>
      <c r="Q9" s="1" t="s">
        <v>58</v>
      </c>
      <c r="S9" s="1" t="s">
        <v>93</v>
      </c>
      <c r="U9" s="1">
        <v>8.5</v>
      </c>
      <c r="V9" s="1"/>
      <c r="W9" s="1"/>
      <c r="X9" s="1">
        <v>0.09</v>
      </c>
      <c r="Y9" s="1">
        <v>1.4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 t="s">
        <v>518</v>
      </c>
      <c r="BD9" s="1" t="s">
        <v>529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5.0000000000000001E-3</v>
      </c>
      <c r="BO9" s="1"/>
      <c r="BP9" s="1"/>
      <c r="BQ9" s="1">
        <v>34.29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3659722222222222</v>
      </c>
      <c r="C10" s="1" t="s">
        <v>483</v>
      </c>
      <c r="D10" s="1" t="s">
        <v>64</v>
      </c>
      <c r="E10" s="1" t="s">
        <v>53</v>
      </c>
      <c r="F10" s="1" t="s">
        <v>188</v>
      </c>
      <c r="G10" s="1" t="s">
        <v>89</v>
      </c>
      <c r="J10" s="1" t="s">
        <v>30</v>
      </c>
      <c r="K10" s="1" t="s">
        <v>89</v>
      </c>
      <c r="M10" s="1" t="s">
        <v>49</v>
      </c>
      <c r="N10" s="1" t="s">
        <v>33</v>
      </c>
      <c r="O10" s="1" t="s">
        <v>179</v>
      </c>
      <c r="P10" s="1" t="s">
        <v>35</v>
      </c>
      <c r="Q10" s="1" t="s">
        <v>40</v>
      </c>
      <c r="S10" s="1" t="s">
        <v>78</v>
      </c>
      <c r="U10" s="1">
        <v>8</v>
      </c>
      <c r="V10" s="1"/>
      <c r="W10" s="1"/>
      <c r="X10" s="1">
        <v>0.1</v>
      </c>
      <c r="Y10" s="1">
        <v>1.4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1E-3</v>
      </c>
      <c r="BO10" s="1"/>
      <c r="BP10" s="1"/>
      <c r="BQ10" s="1">
        <v>33.47</v>
      </c>
      <c r="BR10" s="1"/>
      <c r="BS10" s="1"/>
      <c r="BT10" s="1">
        <v>0.5</v>
      </c>
      <c r="BU10" s="1"/>
      <c r="BV10" s="1"/>
      <c r="BW10" s="1"/>
      <c r="BX10" s="1"/>
      <c r="BY10" s="1"/>
      <c r="BZ10" s="1"/>
    </row>
    <row r="11" spans="1:78" x14ac:dyDescent="0.15">
      <c r="B11" s="2">
        <v>0.3659722222222222</v>
      </c>
      <c r="C11" s="1" t="s">
        <v>485</v>
      </c>
      <c r="D11" s="1" t="s">
        <v>64</v>
      </c>
      <c r="E11" s="1" t="s">
        <v>53</v>
      </c>
      <c r="G11" s="1" t="s">
        <v>346</v>
      </c>
      <c r="J11" s="1" t="s">
        <v>136</v>
      </c>
      <c r="N11" s="1" t="s">
        <v>33</v>
      </c>
      <c r="P11" s="1" t="s">
        <v>35</v>
      </c>
      <c r="Q11" s="1" t="s">
        <v>40</v>
      </c>
      <c r="S11" s="1" t="s">
        <v>100</v>
      </c>
      <c r="U11" s="1">
        <v>7.3</v>
      </c>
      <c r="V11" s="1"/>
      <c r="W11" s="1"/>
      <c r="X11" s="1">
        <v>0.13</v>
      </c>
      <c r="Y11" s="1">
        <v>1.4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01</v>
      </c>
      <c r="BC11" s="1">
        <v>0.04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7.0000000000000001E-3</v>
      </c>
      <c r="BO11" s="1"/>
      <c r="BP11" s="1"/>
      <c r="BQ11" s="1">
        <v>34.22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659722222222222</v>
      </c>
      <c r="C12" s="1" t="s">
        <v>551</v>
      </c>
      <c r="D12" s="1" t="s">
        <v>64</v>
      </c>
      <c r="E12" s="1" t="s">
        <v>53</v>
      </c>
      <c r="J12" s="1" t="s">
        <v>312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4916666666666667</v>
      </c>
      <c r="C13" s="1" t="s">
        <v>483</v>
      </c>
      <c r="D13" s="1" t="s">
        <v>64</v>
      </c>
      <c r="E13" s="1" t="s">
        <v>53</v>
      </c>
      <c r="F13" s="1" t="s">
        <v>325</v>
      </c>
      <c r="G13" s="1" t="s">
        <v>347</v>
      </c>
      <c r="J13" s="1" t="s">
        <v>30</v>
      </c>
      <c r="K13" s="1" t="s">
        <v>89</v>
      </c>
      <c r="M13" s="1" t="s">
        <v>67</v>
      </c>
      <c r="N13" s="1" t="s">
        <v>33</v>
      </c>
      <c r="O13" s="1" t="s">
        <v>303</v>
      </c>
      <c r="P13" s="1" t="s">
        <v>35</v>
      </c>
      <c r="Q13" s="1" t="s">
        <v>141</v>
      </c>
      <c r="S13" s="1" t="s">
        <v>348</v>
      </c>
      <c r="U13" s="1">
        <v>8.3000000000000007</v>
      </c>
      <c r="V13" s="3">
        <v>8</v>
      </c>
      <c r="W13" s="1" t="s">
        <v>514</v>
      </c>
      <c r="X13" s="1">
        <v>0.19</v>
      </c>
      <c r="Y13" s="1">
        <v>1.7999999999999999E-2</v>
      </c>
      <c r="Z13" s="1">
        <v>1.6999999999999999E-3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>
        <v>0.02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2E-3</v>
      </c>
      <c r="BO13" s="1"/>
      <c r="BP13" s="1"/>
      <c r="BQ13" s="1">
        <v>31.4</v>
      </c>
      <c r="BR13" s="1"/>
      <c r="BS13" s="1"/>
      <c r="BT13" s="1">
        <v>7.5</v>
      </c>
      <c r="BU13" s="1"/>
      <c r="BV13" s="1"/>
      <c r="BW13" s="1"/>
      <c r="BX13" s="1"/>
      <c r="BY13" s="1"/>
      <c r="BZ13" s="1"/>
    </row>
    <row r="14" spans="1:78" x14ac:dyDescent="0.15">
      <c r="B14" s="2">
        <v>0.4916666666666667</v>
      </c>
      <c r="C14" s="1" t="s">
        <v>485</v>
      </c>
      <c r="D14" s="1" t="s">
        <v>64</v>
      </c>
      <c r="E14" s="1" t="s">
        <v>53</v>
      </c>
      <c r="G14" s="1" t="s">
        <v>221</v>
      </c>
      <c r="J14" s="1" t="s">
        <v>136</v>
      </c>
      <c r="N14" s="1" t="s">
        <v>33</v>
      </c>
      <c r="P14" s="1" t="s">
        <v>35</v>
      </c>
      <c r="Q14" s="1" t="s">
        <v>58</v>
      </c>
      <c r="S14" s="1" t="s">
        <v>77</v>
      </c>
      <c r="U14" s="1">
        <v>7</v>
      </c>
      <c r="V14" s="1"/>
      <c r="W14" s="1"/>
      <c r="X14" s="1">
        <v>0.11</v>
      </c>
      <c r="Y14" s="1">
        <v>1.2999999999999999E-2</v>
      </c>
      <c r="Z14" s="1">
        <v>1.2999999999999999E-3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 t="s">
        <v>518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6.0000000000000001E-3</v>
      </c>
      <c r="BO14" s="1"/>
      <c r="BP14" s="1"/>
      <c r="BQ14" s="1">
        <v>33.65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916666666666667</v>
      </c>
      <c r="C15" s="1" t="s">
        <v>551</v>
      </c>
      <c r="D15" s="1" t="s">
        <v>64</v>
      </c>
      <c r="E15" s="1" t="s">
        <v>53</v>
      </c>
      <c r="J15" s="1" t="s">
        <v>312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41944444444444445</v>
      </c>
      <c r="C16" s="1" t="s">
        <v>483</v>
      </c>
      <c r="D16" s="1" t="s">
        <v>64</v>
      </c>
      <c r="E16" s="1" t="s">
        <v>53</v>
      </c>
      <c r="F16" s="1" t="s">
        <v>55</v>
      </c>
      <c r="G16" s="1" t="s">
        <v>282</v>
      </c>
      <c r="J16" s="1" t="s">
        <v>30</v>
      </c>
      <c r="K16" s="1" t="s">
        <v>248</v>
      </c>
      <c r="M16" s="1" t="s">
        <v>167</v>
      </c>
      <c r="N16" s="1" t="s">
        <v>33</v>
      </c>
      <c r="O16" s="1" t="s">
        <v>186</v>
      </c>
      <c r="P16" s="1" t="s">
        <v>35</v>
      </c>
      <c r="Q16" s="1" t="s">
        <v>58</v>
      </c>
      <c r="S16" s="1" t="s">
        <v>37</v>
      </c>
      <c r="U16" s="1">
        <v>6.9</v>
      </c>
      <c r="V16" s="1"/>
      <c r="W16" s="1"/>
      <c r="X16" s="1">
        <v>0.09</v>
      </c>
      <c r="Y16" s="1">
        <v>1.2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 t="s">
        <v>518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5.0000000000000001E-3</v>
      </c>
      <c r="BO16" s="1"/>
      <c r="BP16" s="1"/>
      <c r="BQ16" s="1">
        <v>33.67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41944444444444445</v>
      </c>
      <c r="C17" s="1" t="s">
        <v>485</v>
      </c>
      <c r="D17" s="1" t="s">
        <v>64</v>
      </c>
      <c r="E17" s="1" t="s">
        <v>53</v>
      </c>
      <c r="G17" s="1" t="s">
        <v>334</v>
      </c>
      <c r="J17" s="1" t="s">
        <v>124</v>
      </c>
      <c r="N17" s="1" t="s">
        <v>33</v>
      </c>
      <c r="P17" s="1" t="s">
        <v>35</v>
      </c>
      <c r="Q17" s="1" t="s">
        <v>40</v>
      </c>
      <c r="S17" s="1" t="s">
        <v>37</v>
      </c>
      <c r="U17" s="1">
        <v>6.7</v>
      </c>
      <c r="V17" s="1"/>
      <c r="W17" s="1"/>
      <c r="X17" s="1">
        <v>7.0000000000000007E-2</v>
      </c>
      <c r="Y17" s="1">
        <v>1.2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 t="s">
        <v>518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5.0000000000000001E-3</v>
      </c>
      <c r="BO17" s="1"/>
      <c r="BP17" s="1"/>
      <c r="BQ17" s="1">
        <v>33.9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1944444444444445</v>
      </c>
      <c r="C18" s="1" t="s">
        <v>551</v>
      </c>
      <c r="D18" s="1" t="s">
        <v>64</v>
      </c>
      <c r="E18" s="1" t="s">
        <v>53</v>
      </c>
      <c r="J18" s="1" t="s">
        <v>219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41319444444444442</v>
      </c>
      <c r="C19" s="1" t="s">
        <v>483</v>
      </c>
      <c r="D19" s="1" t="s">
        <v>64</v>
      </c>
      <c r="E19" s="1" t="s">
        <v>53</v>
      </c>
      <c r="F19" s="1" t="s">
        <v>288</v>
      </c>
      <c r="G19" s="1" t="s">
        <v>90</v>
      </c>
      <c r="J19" s="1" t="s">
        <v>30</v>
      </c>
      <c r="K19" s="1" t="s">
        <v>89</v>
      </c>
      <c r="M19" s="1" t="s">
        <v>78</v>
      </c>
      <c r="N19" s="1" t="s">
        <v>33</v>
      </c>
      <c r="O19" s="1" t="s">
        <v>349</v>
      </c>
      <c r="P19" s="1" t="s">
        <v>35</v>
      </c>
      <c r="Q19" s="1" t="s">
        <v>58</v>
      </c>
      <c r="S19" s="1" t="s">
        <v>80</v>
      </c>
      <c r="U19" s="1">
        <v>7.8</v>
      </c>
      <c r="V19" s="1"/>
      <c r="W19" s="1"/>
      <c r="X19" s="1">
        <v>0.28999999999999998</v>
      </c>
      <c r="Y19" s="1">
        <v>2.9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23</v>
      </c>
      <c r="BD19" s="1">
        <v>0.28000000000000003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1.7000000000000001E-2</v>
      </c>
      <c r="BO19" s="1"/>
      <c r="BP19" s="1"/>
      <c r="BQ19" s="1">
        <v>27.94</v>
      </c>
      <c r="BR19" s="1" t="s">
        <v>537</v>
      </c>
      <c r="BS19" s="1"/>
      <c r="BT19" s="1">
        <v>2.2000000000000002</v>
      </c>
      <c r="BU19" s="1"/>
      <c r="BV19" s="1"/>
      <c r="BW19" s="1"/>
      <c r="BX19" s="1"/>
      <c r="BY19" s="1"/>
      <c r="BZ19" s="1"/>
    </row>
    <row r="20" spans="1:78" x14ac:dyDescent="0.15">
      <c r="B20" s="2">
        <v>0.41319444444444442</v>
      </c>
      <c r="C20" s="1" t="s">
        <v>485</v>
      </c>
      <c r="D20" s="1" t="s">
        <v>64</v>
      </c>
      <c r="E20" s="1" t="s">
        <v>53</v>
      </c>
      <c r="G20" s="1" t="s">
        <v>310</v>
      </c>
      <c r="J20" s="1" t="s">
        <v>136</v>
      </c>
      <c r="N20" s="1" t="s">
        <v>33</v>
      </c>
      <c r="P20" s="1" t="s">
        <v>35</v>
      </c>
      <c r="Q20" s="1" t="s">
        <v>58</v>
      </c>
      <c r="S20" s="1" t="s">
        <v>100</v>
      </c>
      <c r="U20" s="1">
        <v>7</v>
      </c>
      <c r="V20" s="1"/>
      <c r="W20" s="1"/>
      <c r="X20" s="1">
        <v>0.06</v>
      </c>
      <c r="Y20" s="1">
        <v>0.01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 t="s">
        <v>518</v>
      </c>
      <c r="BD20" s="1" t="s">
        <v>529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4.0000000000000001E-3</v>
      </c>
      <c r="BO20" s="1"/>
      <c r="BP20" s="1"/>
      <c r="BQ20" s="1">
        <v>33.58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1319444444444442</v>
      </c>
      <c r="C21" s="1" t="s">
        <v>551</v>
      </c>
      <c r="D21" s="1" t="s">
        <v>64</v>
      </c>
      <c r="E21" s="1" t="s">
        <v>53</v>
      </c>
      <c r="J21" s="1" t="s">
        <v>312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 t="s">
        <v>517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8.0000000000000004E-4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45833333333333331</v>
      </c>
      <c r="C22" s="1" t="s">
        <v>483</v>
      </c>
      <c r="D22" s="1" t="s">
        <v>64</v>
      </c>
      <c r="E22" s="1" t="s">
        <v>486</v>
      </c>
      <c r="F22" s="1" t="s">
        <v>187</v>
      </c>
      <c r="G22" s="1" t="s">
        <v>323</v>
      </c>
      <c r="J22" s="1" t="s">
        <v>30</v>
      </c>
      <c r="K22" s="1" t="s">
        <v>323</v>
      </c>
      <c r="M22" s="1" t="s">
        <v>166</v>
      </c>
      <c r="N22" s="1" t="s">
        <v>33</v>
      </c>
      <c r="O22" s="1" t="s">
        <v>186</v>
      </c>
      <c r="P22" s="1" t="s">
        <v>35</v>
      </c>
      <c r="Q22" s="1" t="s">
        <v>58</v>
      </c>
      <c r="S22" s="1" t="s">
        <v>93</v>
      </c>
      <c r="U22" s="1">
        <v>8</v>
      </c>
      <c r="V22" s="3">
        <v>17</v>
      </c>
      <c r="W22" s="1"/>
      <c r="X22" s="1">
        <v>0.15</v>
      </c>
      <c r="Y22" s="1">
        <v>1.4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>
        <v>0.03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7.0000000000000001E-3</v>
      </c>
      <c r="BO22" s="1"/>
      <c r="BP22" s="1"/>
      <c r="BQ22" s="1">
        <v>33.76</v>
      </c>
      <c r="BR22" s="1"/>
      <c r="BS22" s="1"/>
      <c r="BT22" s="1">
        <v>1.2</v>
      </c>
      <c r="BU22" s="1"/>
      <c r="BV22" s="1"/>
      <c r="BW22" s="1"/>
      <c r="BX22" s="1"/>
      <c r="BY22" s="1"/>
      <c r="BZ22" s="1"/>
    </row>
    <row r="23" spans="1:78" x14ac:dyDescent="0.15">
      <c r="B23" s="2">
        <v>0.45833333333333331</v>
      </c>
      <c r="C23" s="1" t="s">
        <v>485</v>
      </c>
      <c r="D23" s="1" t="s">
        <v>64</v>
      </c>
      <c r="E23" s="1" t="s">
        <v>486</v>
      </c>
      <c r="G23" s="1" t="s">
        <v>311</v>
      </c>
      <c r="J23" s="1" t="s">
        <v>97</v>
      </c>
      <c r="N23" s="1" t="s">
        <v>33</v>
      </c>
      <c r="P23" s="1" t="s">
        <v>35</v>
      </c>
      <c r="Q23" s="1" t="s">
        <v>58</v>
      </c>
      <c r="S23" s="1" t="s">
        <v>93</v>
      </c>
      <c r="U23" s="1">
        <v>8</v>
      </c>
      <c r="V23" s="1"/>
      <c r="W23" s="1"/>
      <c r="X23" s="1">
        <v>0.12</v>
      </c>
      <c r="Y23" s="1">
        <v>1.2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>
        <v>0.02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5.0000000000000001E-3</v>
      </c>
      <c r="BO23" s="1"/>
      <c r="BP23" s="1"/>
      <c r="BQ23" s="1">
        <v>34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5833333333333331</v>
      </c>
      <c r="C24" s="1" t="s">
        <v>551</v>
      </c>
      <c r="D24" s="1" t="s">
        <v>64</v>
      </c>
      <c r="E24" s="1" t="s">
        <v>486</v>
      </c>
      <c r="J24" s="1" t="s">
        <v>193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42152777777777778</v>
      </c>
      <c r="C25" s="1" t="s">
        <v>483</v>
      </c>
      <c r="D25" s="1" t="s">
        <v>27</v>
      </c>
      <c r="E25" s="1" t="s">
        <v>484</v>
      </c>
      <c r="F25" s="1" t="s">
        <v>299</v>
      </c>
      <c r="G25" s="1" t="s">
        <v>54</v>
      </c>
      <c r="J25" s="1" t="s">
        <v>30</v>
      </c>
      <c r="K25" s="1" t="s">
        <v>311</v>
      </c>
      <c r="M25" s="1" t="s">
        <v>231</v>
      </c>
      <c r="N25" s="1" t="s">
        <v>33</v>
      </c>
      <c r="O25" s="1" t="s">
        <v>336</v>
      </c>
      <c r="P25" s="1" t="s">
        <v>35</v>
      </c>
      <c r="Q25" s="1" t="s">
        <v>40</v>
      </c>
      <c r="S25" s="1" t="s">
        <v>100</v>
      </c>
      <c r="U25" s="1">
        <v>7.6</v>
      </c>
      <c r="V25" s="1"/>
      <c r="W25" s="1"/>
      <c r="X25" s="1">
        <v>0.1</v>
      </c>
      <c r="Y25" s="1">
        <v>1.2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3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6.0000000000000001E-3</v>
      </c>
      <c r="BO25" s="1"/>
      <c r="BP25" s="1"/>
      <c r="BQ25" s="1">
        <v>34.25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42152777777777778</v>
      </c>
      <c r="C26" s="1" t="s">
        <v>485</v>
      </c>
      <c r="D26" s="1" t="s">
        <v>27</v>
      </c>
      <c r="E26" s="1" t="s">
        <v>484</v>
      </c>
      <c r="G26" s="1" t="s">
        <v>54</v>
      </c>
      <c r="J26" s="1" t="s">
        <v>157</v>
      </c>
      <c r="N26" s="1" t="s">
        <v>33</v>
      </c>
      <c r="P26" s="1" t="s">
        <v>35</v>
      </c>
      <c r="Q26" s="1" t="s">
        <v>40</v>
      </c>
      <c r="S26" s="1" t="s">
        <v>93</v>
      </c>
      <c r="U26" s="1">
        <v>7.7</v>
      </c>
      <c r="V26" s="1"/>
      <c r="W26" s="1"/>
      <c r="X26" s="1">
        <v>0.1</v>
      </c>
      <c r="Y26" s="1">
        <v>1.4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3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7.0000000000000001E-3</v>
      </c>
      <c r="BO26" s="1"/>
      <c r="BP26" s="1"/>
      <c r="BQ26" s="1">
        <v>34.28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2152777777777778</v>
      </c>
      <c r="C27" s="1" t="s">
        <v>551</v>
      </c>
      <c r="D27" s="1" t="s">
        <v>27</v>
      </c>
      <c r="E27" s="1" t="s">
        <v>484</v>
      </c>
      <c r="J27" s="1" t="s">
        <v>193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45833333333333331</v>
      </c>
      <c r="C28" s="1" t="s">
        <v>483</v>
      </c>
      <c r="D28" s="1" t="s">
        <v>27</v>
      </c>
      <c r="E28" s="1" t="s">
        <v>53</v>
      </c>
      <c r="F28" s="1" t="s">
        <v>178</v>
      </c>
      <c r="G28" s="1" t="s">
        <v>130</v>
      </c>
      <c r="J28" s="1" t="s">
        <v>30</v>
      </c>
      <c r="K28" s="1" t="s">
        <v>196</v>
      </c>
      <c r="M28" s="1" t="s">
        <v>350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100</v>
      </c>
      <c r="U28" s="1">
        <v>8.4</v>
      </c>
      <c r="V28" s="1"/>
      <c r="W28" s="1"/>
      <c r="X28" s="1">
        <v>0.12</v>
      </c>
      <c r="Y28" s="1">
        <v>1.4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4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0.01</v>
      </c>
      <c r="BO28" s="1"/>
      <c r="BP28" s="1"/>
      <c r="BQ28" s="1">
        <v>34.479999999999997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45833333333333331</v>
      </c>
      <c r="C29" s="1" t="s">
        <v>485</v>
      </c>
      <c r="D29" s="1" t="s">
        <v>27</v>
      </c>
      <c r="E29" s="1" t="s">
        <v>53</v>
      </c>
      <c r="G29" s="1" t="s">
        <v>342</v>
      </c>
      <c r="J29" s="1" t="s">
        <v>311</v>
      </c>
      <c r="N29" s="1" t="s">
        <v>33</v>
      </c>
      <c r="P29" s="1" t="s">
        <v>35</v>
      </c>
      <c r="Q29" s="1" t="s">
        <v>58</v>
      </c>
      <c r="S29" s="1" t="s">
        <v>100</v>
      </c>
      <c r="U29" s="1">
        <v>8.1999999999999993</v>
      </c>
      <c r="V29" s="1"/>
      <c r="W29" s="1"/>
      <c r="X29" s="1">
        <v>0.12</v>
      </c>
      <c r="Y29" s="1">
        <v>1.499999999999999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4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9999999999999993E-3</v>
      </c>
      <c r="BO29" s="1"/>
      <c r="BP29" s="1"/>
      <c r="BQ29" s="1">
        <v>34.47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5833333333333331</v>
      </c>
      <c r="C30" s="1" t="s">
        <v>551</v>
      </c>
      <c r="D30" s="1" t="s">
        <v>27</v>
      </c>
      <c r="E30" s="1" t="s">
        <v>53</v>
      </c>
      <c r="J30" s="1" t="s">
        <v>351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48125000000000001</v>
      </c>
      <c r="C31" s="1" t="s">
        <v>483</v>
      </c>
      <c r="D31" s="1" t="s">
        <v>113</v>
      </c>
      <c r="E31" s="1" t="s">
        <v>53</v>
      </c>
      <c r="F31" s="1" t="s">
        <v>141</v>
      </c>
      <c r="G31" s="1" t="s">
        <v>152</v>
      </c>
      <c r="J31" s="1" t="s">
        <v>30</v>
      </c>
      <c r="K31" s="1" t="s">
        <v>28</v>
      </c>
      <c r="M31" s="1" t="s">
        <v>345</v>
      </c>
      <c r="N31" s="1" t="s">
        <v>33</v>
      </c>
      <c r="O31" s="1" t="s">
        <v>179</v>
      </c>
      <c r="P31" s="1" t="s">
        <v>35</v>
      </c>
      <c r="Q31" s="1" t="s">
        <v>40</v>
      </c>
      <c r="S31" s="1" t="s">
        <v>93</v>
      </c>
      <c r="U31" s="1">
        <v>8.1</v>
      </c>
      <c r="V31" s="3">
        <v>230</v>
      </c>
      <c r="W31" s="1" t="s">
        <v>514</v>
      </c>
      <c r="X31" s="1">
        <v>0.18</v>
      </c>
      <c r="Y31" s="1">
        <v>2.3E-2</v>
      </c>
      <c r="Z31" s="1">
        <v>8.9999999999999998E-4</v>
      </c>
      <c r="AA31" t="s">
        <v>552</v>
      </c>
      <c r="AB31" t="s">
        <v>580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0.11</v>
      </c>
      <c r="BD31" s="1">
        <v>0.16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2999999999999999E-2</v>
      </c>
      <c r="BO31" s="1"/>
      <c r="BP31" s="1"/>
      <c r="BQ31" s="1">
        <v>33.56</v>
      </c>
      <c r="BR31" s="1"/>
      <c r="BS31" s="1"/>
      <c r="BT31" s="1">
        <v>2</v>
      </c>
      <c r="BU31" s="1"/>
      <c r="BV31" s="1"/>
      <c r="BW31" s="1"/>
      <c r="BX31" s="1"/>
      <c r="BY31" s="1"/>
      <c r="BZ31" s="1"/>
    </row>
    <row r="32" spans="1:78" x14ac:dyDescent="0.15">
      <c r="B32" s="2">
        <v>0.48125000000000001</v>
      </c>
      <c r="C32" s="1" t="s">
        <v>485</v>
      </c>
      <c r="D32" s="1" t="s">
        <v>113</v>
      </c>
      <c r="E32" s="1" t="s">
        <v>53</v>
      </c>
      <c r="G32" s="1" t="s">
        <v>149</v>
      </c>
      <c r="J32" s="1" t="s">
        <v>101</v>
      </c>
      <c r="N32" s="1" t="s">
        <v>33</v>
      </c>
      <c r="P32" s="1" t="s">
        <v>35</v>
      </c>
      <c r="Q32" s="1" t="s">
        <v>40</v>
      </c>
      <c r="S32" s="1" t="s">
        <v>93</v>
      </c>
      <c r="U32" s="1">
        <v>7.9</v>
      </c>
      <c r="V32" s="1"/>
      <c r="W32" s="1"/>
      <c r="X32" s="1">
        <v>0.19</v>
      </c>
      <c r="Y32" s="1">
        <v>1.7000000000000001E-2</v>
      </c>
      <c r="Z32" s="1">
        <v>1.1999999999999999E-3</v>
      </c>
      <c r="AA32" t="s">
        <v>552</v>
      </c>
      <c r="AB32" t="s">
        <v>568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6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0.01</v>
      </c>
      <c r="BO32" s="1"/>
      <c r="BP32" s="1"/>
      <c r="BQ32" s="1">
        <v>34.19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8125000000000001</v>
      </c>
      <c r="C33" s="1" t="s">
        <v>551</v>
      </c>
      <c r="D33" s="1" t="s">
        <v>113</v>
      </c>
      <c r="E33" s="1" t="s">
        <v>53</v>
      </c>
      <c r="J33" s="1" t="s">
        <v>352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43472222222222223</v>
      </c>
      <c r="C34" s="1" t="s">
        <v>483</v>
      </c>
      <c r="D34" s="1" t="s">
        <v>64</v>
      </c>
      <c r="E34" s="1" t="s">
        <v>53</v>
      </c>
      <c r="F34" s="1" t="s">
        <v>256</v>
      </c>
      <c r="G34" s="1" t="s">
        <v>127</v>
      </c>
      <c r="J34" s="1" t="s">
        <v>30</v>
      </c>
      <c r="K34" s="1" t="s">
        <v>353</v>
      </c>
      <c r="M34" s="1" t="s">
        <v>86</v>
      </c>
      <c r="N34" s="1" t="s">
        <v>33</v>
      </c>
      <c r="O34" s="1" t="s">
        <v>179</v>
      </c>
      <c r="P34" s="1" t="s">
        <v>35</v>
      </c>
      <c r="Q34" s="1" t="s">
        <v>40</v>
      </c>
      <c r="S34" s="1" t="s">
        <v>158</v>
      </c>
      <c r="U34" s="1">
        <v>9.5</v>
      </c>
      <c r="V34" s="1"/>
      <c r="W34" s="1"/>
      <c r="X34" s="1">
        <v>0.15</v>
      </c>
      <c r="Y34" s="1">
        <v>1.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9</v>
      </c>
      <c r="BD34" s="1">
        <v>0.14000000000000001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1.4999999999999999E-2</v>
      </c>
      <c r="BO34" s="1"/>
      <c r="BP34" s="1"/>
      <c r="BQ34" s="1">
        <v>34.369999999999997</v>
      </c>
      <c r="BR34" s="1"/>
      <c r="BS34" s="1"/>
      <c r="BT34" s="1">
        <v>0.6</v>
      </c>
      <c r="BU34" s="1"/>
      <c r="BV34" s="1"/>
      <c r="BW34" s="1"/>
      <c r="BX34" s="1"/>
      <c r="BY34" s="1"/>
      <c r="BZ34" s="1"/>
    </row>
    <row r="35" spans="1:78" x14ac:dyDescent="0.15">
      <c r="B35" s="2">
        <v>0.43472222222222223</v>
      </c>
      <c r="C35" s="1" t="s">
        <v>485</v>
      </c>
      <c r="D35" s="1" t="s">
        <v>64</v>
      </c>
      <c r="E35" s="1" t="s">
        <v>53</v>
      </c>
      <c r="G35" s="1" t="s">
        <v>162</v>
      </c>
      <c r="J35" s="1" t="s">
        <v>354</v>
      </c>
      <c r="N35" s="1" t="s">
        <v>33</v>
      </c>
      <c r="P35" s="1" t="s">
        <v>35</v>
      </c>
      <c r="Q35" s="1" t="s">
        <v>40</v>
      </c>
      <c r="S35" s="1" t="s">
        <v>107</v>
      </c>
      <c r="U35" s="1">
        <v>8.6999999999999993</v>
      </c>
      <c r="V35" s="1"/>
      <c r="W35" s="1"/>
      <c r="X35" s="1">
        <v>0.11</v>
      </c>
      <c r="Y35" s="1">
        <v>1.7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8.0000000000000002E-3</v>
      </c>
      <c r="BO35" s="1"/>
      <c r="BP35" s="1"/>
      <c r="BQ35" s="1">
        <v>34.71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3472222222222223</v>
      </c>
      <c r="C36" s="1" t="s">
        <v>551</v>
      </c>
      <c r="D36" s="1" t="s">
        <v>64</v>
      </c>
      <c r="E36" s="1" t="s">
        <v>53</v>
      </c>
      <c r="J36" s="1" t="s">
        <v>235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2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45347222222222222</v>
      </c>
      <c r="C4" s="1" t="s">
        <v>483</v>
      </c>
      <c r="D4" s="1" t="s">
        <v>113</v>
      </c>
      <c r="E4" s="1" t="s">
        <v>95</v>
      </c>
      <c r="F4" s="1" t="s">
        <v>206</v>
      </c>
      <c r="G4" s="1" t="s">
        <v>301</v>
      </c>
      <c r="J4" s="1" t="s">
        <v>30</v>
      </c>
      <c r="K4" s="1" t="s">
        <v>355</v>
      </c>
      <c r="M4" s="1" t="s">
        <v>356</v>
      </c>
      <c r="N4" s="1" t="s">
        <v>33</v>
      </c>
      <c r="O4" s="1" t="s">
        <v>186</v>
      </c>
      <c r="P4" s="1" t="s">
        <v>35</v>
      </c>
      <c r="Q4" s="1" t="s">
        <v>58</v>
      </c>
      <c r="S4" s="1" t="s">
        <v>37</v>
      </c>
      <c r="U4" s="1">
        <v>8.4</v>
      </c>
      <c r="V4" s="1"/>
      <c r="W4" s="1"/>
      <c r="X4" s="1">
        <v>0.09</v>
      </c>
      <c r="Y4" s="1">
        <v>2.3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4.200000000000003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45347222222222222</v>
      </c>
      <c r="C5" s="1" t="s">
        <v>485</v>
      </c>
      <c r="D5" s="1" t="s">
        <v>113</v>
      </c>
      <c r="E5" s="1" t="s">
        <v>95</v>
      </c>
      <c r="G5" s="1" t="s">
        <v>149</v>
      </c>
      <c r="J5" s="1" t="s">
        <v>173</v>
      </c>
      <c r="N5" s="1" t="s">
        <v>33</v>
      </c>
      <c r="P5" s="1" t="s">
        <v>35</v>
      </c>
      <c r="Q5" s="1" t="s">
        <v>40</v>
      </c>
      <c r="S5" s="1" t="s">
        <v>100</v>
      </c>
      <c r="U5" s="1">
        <v>7.4</v>
      </c>
      <c r="V5" s="1"/>
      <c r="W5" s="1"/>
      <c r="X5" s="1">
        <v>0.12</v>
      </c>
      <c r="Y5" s="1">
        <v>1.6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54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34027777777777773</v>
      </c>
      <c r="C6" s="1" t="s">
        <v>483</v>
      </c>
      <c r="D6" s="1" t="s">
        <v>64</v>
      </c>
      <c r="E6" s="1" t="s">
        <v>53</v>
      </c>
      <c r="F6" s="1" t="s">
        <v>191</v>
      </c>
      <c r="G6" s="1" t="s">
        <v>357</v>
      </c>
      <c r="J6" s="1" t="s">
        <v>30</v>
      </c>
      <c r="K6" s="1" t="s">
        <v>358</v>
      </c>
      <c r="M6" s="1" t="s">
        <v>193</v>
      </c>
      <c r="N6" s="1" t="s">
        <v>33</v>
      </c>
      <c r="O6" s="1" t="s">
        <v>186</v>
      </c>
      <c r="P6" s="1" t="s">
        <v>35</v>
      </c>
      <c r="Q6" s="1" t="s">
        <v>58</v>
      </c>
      <c r="S6" s="1" t="s">
        <v>71</v>
      </c>
      <c r="U6" s="1">
        <v>7.3</v>
      </c>
      <c r="V6" s="1"/>
      <c r="W6" s="1"/>
      <c r="X6" s="1">
        <v>0.13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1.35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34027777777777773</v>
      </c>
      <c r="C7" s="1" t="s">
        <v>485</v>
      </c>
      <c r="D7" s="1" t="s">
        <v>64</v>
      </c>
      <c r="E7" s="1" t="s">
        <v>53</v>
      </c>
      <c r="G7" s="1" t="s">
        <v>346</v>
      </c>
      <c r="J7" s="1" t="s">
        <v>173</v>
      </c>
      <c r="N7" s="1" t="s">
        <v>33</v>
      </c>
      <c r="P7" s="1" t="s">
        <v>35</v>
      </c>
      <c r="Q7" s="1" t="s">
        <v>40</v>
      </c>
      <c r="S7" s="1" t="s">
        <v>201</v>
      </c>
      <c r="U7" s="1">
        <v>6.9</v>
      </c>
      <c r="V7" s="1"/>
      <c r="W7" s="1"/>
      <c r="X7" s="1">
        <v>0.16</v>
      </c>
      <c r="Y7" s="1">
        <v>1.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3.9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34027777777777773</v>
      </c>
      <c r="C8" s="1" t="s">
        <v>551</v>
      </c>
      <c r="D8" s="1" t="s">
        <v>64</v>
      </c>
      <c r="E8" s="1" t="s">
        <v>53</v>
      </c>
      <c r="J8" s="1" t="s">
        <v>188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31597222222222221</v>
      </c>
      <c r="C9" s="1" t="s">
        <v>483</v>
      </c>
      <c r="D9" s="1" t="s">
        <v>64</v>
      </c>
      <c r="E9" s="1" t="s">
        <v>486</v>
      </c>
      <c r="F9" s="1" t="s">
        <v>359</v>
      </c>
      <c r="G9" s="1" t="s">
        <v>124</v>
      </c>
      <c r="J9" s="1" t="s">
        <v>30</v>
      </c>
      <c r="K9" s="1" t="s">
        <v>360</v>
      </c>
      <c r="M9" s="1" t="s">
        <v>226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93</v>
      </c>
      <c r="U9" s="1">
        <v>7.7</v>
      </c>
      <c r="V9" s="1"/>
      <c r="W9" s="1"/>
      <c r="X9" s="1">
        <v>0.08</v>
      </c>
      <c r="Y9" s="1">
        <v>8.9999999999999993E-3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9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31597222222222221</v>
      </c>
      <c r="C10" s="1" t="s">
        <v>485</v>
      </c>
      <c r="D10" s="1" t="s">
        <v>64</v>
      </c>
      <c r="E10" s="1" t="s">
        <v>486</v>
      </c>
      <c r="G10" s="1" t="s">
        <v>124</v>
      </c>
      <c r="J10" s="1" t="s">
        <v>173</v>
      </c>
      <c r="N10" s="1" t="s">
        <v>33</v>
      </c>
      <c r="P10" s="1" t="s">
        <v>35</v>
      </c>
      <c r="Q10" s="1" t="s">
        <v>58</v>
      </c>
      <c r="S10" s="1" t="s">
        <v>41</v>
      </c>
      <c r="U10" s="1">
        <v>7.4</v>
      </c>
      <c r="V10" s="1"/>
      <c r="W10" s="1"/>
      <c r="X10" s="1">
        <v>0.08</v>
      </c>
      <c r="Y10" s="1">
        <v>1.0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3.99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31597222222222221</v>
      </c>
      <c r="C11" s="1" t="s">
        <v>551</v>
      </c>
      <c r="D11" s="1" t="s">
        <v>64</v>
      </c>
      <c r="E11" s="1" t="s">
        <v>486</v>
      </c>
      <c r="J11" s="1" t="s">
        <v>188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32569444444444445</v>
      </c>
      <c r="C12" s="1" t="s">
        <v>483</v>
      </c>
      <c r="D12" s="1" t="s">
        <v>113</v>
      </c>
      <c r="E12" s="1" t="s">
        <v>53</v>
      </c>
      <c r="F12" s="1" t="s">
        <v>361</v>
      </c>
      <c r="G12" s="1" t="s">
        <v>294</v>
      </c>
      <c r="J12" s="1" t="s">
        <v>30</v>
      </c>
      <c r="K12" s="1" t="s">
        <v>362</v>
      </c>
      <c r="M12" s="1" t="s">
        <v>169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201</v>
      </c>
      <c r="U12" s="1">
        <v>8</v>
      </c>
      <c r="V12" s="1"/>
      <c r="W12" s="1"/>
      <c r="X12" s="1">
        <v>0.11</v>
      </c>
      <c r="Y12" s="1">
        <v>1.6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340000000000003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32569444444444445</v>
      </c>
      <c r="C13" s="1" t="s">
        <v>485</v>
      </c>
      <c r="D13" s="1" t="s">
        <v>113</v>
      </c>
      <c r="E13" s="1" t="s">
        <v>53</v>
      </c>
      <c r="G13" s="1" t="s">
        <v>160</v>
      </c>
      <c r="J13" s="1" t="s">
        <v>173</v>
      </c>
      <c r="N13" s="1" t="s">
        <v>33</v>
      </c>
      <c r="P13" s="1" t="s">
        <v>35</v>
      </c>
      <c r="Q13" s="1" t="s">
        <v>40</v>
      </c>
      <c r="S13" s="1" t="s">
        <v>87</v>
      </c>
      <c r="U13" s="1">
        <v>7.7</v>
      </c>
      <c r="V13" s="1"/>
      <c r="W13" s="1"/>
      <c r="X13" s="1">
        <v>0.1</v>
      </c>
      <c r="Y13" s="1">
        <v>1.7999999999999999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590000000000003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32569444444444445</v>
      </c>
      <c r="C14" s="1" t="s">
        <v>551</v>
      </c>
      <c r="D14" s="1" t="s">
        <v>113</v>
      </c>
      <c r="E14" s="1" t="s">
        <v>53</v>
      </c>
      <c r="J14" s="1" t="s">
        <v>188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3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034722222222222</v>
      </c>
      <c r="C4" s="1" t="s">
        <v>483</v>
      </c>
      <c r="D4" s="1" t="s">
        <v>27</v>
      </c>
      <c r="E4" s="1" t="s">
        <v>341</v>
      </c>
      <c r="F4" s="1" t="s">
        <v>212</v>
      </c>
      <c r="G4" s="1" t="s">
        <v>294</v>
      </c>
      <c r="J4" s="1" t="s">
        <v>30</v>
      </c>
      <c r="K4" s="1" t="s">
        <v>363</v>
      </c>
      <c r="M4" s="1" t="s">
        <v>167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100</v>
      </c>
      <c r="U4" s="1">
        <v>8.3000000000000007</v>
      </c>
      <c r="V4" s="1"/>
      <c r="W4" s="1"/>
      <c r="X4" s="1">
        <v>0.12</v>
      </c>
      <c r="Y4" s="1">
        <v>1.6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4</v>
      </c>
      <c r="BD4" s="1" t="s">
        <v>529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2E-2</v>
      </c>
      <c r="BO4" s="1"/>
      <c r="BP4" s="1"/>
      <c r="BQ4" s="1">
        <v>34.549999999999997</v>
      </c>
      <c r="BR4" s="1"/>
      <c r="BS4" s="1"/>
      <c r="BT4" s="1">
        <v>0.8</v>
      </c>
      <c r="BU4" s="1"/>
      <c r="BV4" s="1"/>
      <c r="BW4" s="1"/>
      <c r="BX4" s="1"/>
      <c r="BY4" s="1"/>
      <c r="BZ4" s="1"/>
    </row>
    <row r="5" spans="1:78" x14ac:dyDescent="0.15">
      <c r="B5" s="2">
        <v>0.3034722222222222</v>
      </c>
      <c r="C5" s="1" t="s">
        <v>485</v>
      </c>
      <c r="D5" s="1" t="s">
        <v>27</v>
      </c>
      <c r="E5" s="1" t="s">
        <v>341</v>
      </c>
      <c r="G5" s="1" t="s">
        <v>125</v>
      </c>
      <c r="J5" s="1" t="s">
        <v>173</v>
      </c>
      <c r="N5" s="1" t="s">
        <v>33</v>
      </c>
      <c r="P5" s="1" t="s">
        <v>35</v>
      </c>
      <c r="Q5" s="1" t="s">
        <v>40</v>
      </c>
      <c r="S5" s="1" t="s">
        <v>100</v>
      </c>
      <c r="U5" s="1">
        <v>8.3000000000000007</v>
      </c>
      <c r="V5" s="1"/>
      <c r="W5" s="1"/>
      <c r="X5" s="1">
        <v>0.14000000000000001</v>
      </c>
      <c r="Y5" s="1">
        <v>0.0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5</v>
      </c>
      <c r="BD5" s="1">
        <v>0.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7999999999999999E-2</v>
      </c>
      <c r="BO5" s="1"/>
      <c r="BP5" s="1"/>
      <c r="BQ5" s="1">
        <v>34.56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3125</v>
      </c>
      <c r="C6" s="1" t="s">
        <v>483</v>
      </c>
      <c r="D6" s="1" t="s">
        <v>113</v>
      </c>
      <c r="E6" s="1" t="s">
        <v>95</v>
      </c>
      <c r="F6" s="1" t="s">
        <v>364</v>
      </c>
      <c r="G6" s="1" t="s">
        <v>176</v>
      </c>
      <c r="J6" s="1" t="s">
        <v>30</v>
      </c>
      <c r="K6" s="1" t="s">
        <v>363</v>
      </c>
      <c r="M6" s="1" t="s">
        <v>178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251</v>
      </c>
      <c r="U6" s="1">
        <v>8.1999999999999993</v>
      </c>
      <c r="V6" s="3">
        <v>17</v>
      </c>
      <c r="W6" s="1"/>
      <c r="X6" s="1">
        <v>0.11</v>
      </c>
      <c r="Y6" s="1">
        <v>3.4000000000000002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>
        <v>0.02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1.9E-2</v>
      </c>
      <c r="BO6" s="1"/>
      <c r="BP6" s="1"/>
      <c r="BQ6" s="1">
        <v>34.03</v>
      </c>
      <c r="BR6" s="1"/>
      <c r="BS6" s="1"/>
      <c r="BT6" s="1">
        <v>1.1000000000000001</v>
      </c>
      <c r="BU6" s="1"/>
      <c r="BV6" s="1"/>
      <c r="BW6" s="1"/>
      <c r="BX6" s="1"/>
      <c r="BY6" s="1"/>
      <c r="BZ6" s="1"/>
    </row>
    <row r="7" spans="1:78" x14ac:dyDescent="0.15">
      <c r="B7" s="2">
        <v>0.3125</v>
      </c>
      <c r="C7" s="1" t="s">
        <v>485</v>
      </c>
      <c r="D7" s="1" t="s">
        <v>113</v>
      </c>
      <c r="E7" s="1" t="s">
        <v>95</v>
      </c>
      <c r="G7" s="1" t="s">
        <v>294</v>
      </c>
      <c r="J7" s="1" t="s">
        <v>173</v>
      </c>
      <c r="N7" s="1" t="s">
        <v>33</v>
      </c>
      <c r="P7" s="1" t="s">
        <v>35</v>
      </c>
      <c r="Q7" s="1" t="s">
        <v>40</v>
      </c>
      <c r="S7" s="1" t="s">
        <v>93</v>
      </c>
      <c r="U7" s="1">
        <v>7.5</v>
      </c>
      <c r="V7" s="1"/>
      <c r="W7" s="1"/>
      <c r="X7" s="1">
        <v>0.13</v>
      </c>
      <c r="Y7" s="1">
        <v>1.7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01</v>
      </c>
      <c r="BC7" s="1">
        <v>0.06</v>
      </c>
      <c r="BD7" s="1">
        <v>0.11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1.6E-2</v>
      </c>
      <c r="BO7" s="1"/>
      <c r="BP7" s="1"/>
      <c r="BQ7" s="1">
        <v>34.51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30694444444444441</v>
      </c>
      <c r="C8" s="1" t="s">
        <v>483</v>
      </c>
      <c r="D8" s="1" t="s">
        <v>113</v>
      </c>
      <c r="E8" s="1" t="s">
        <v>53</v>
      </c>
      <c r="F8" s="1" t="s">
        <v>246</v>
      </c>
      <c r="G8" s="1" t="s">
        <v>60</v>
      </c>
      <c r="J8" s="1" t="s">
        <v>30</v>
      </c>
      <c r="K8" s="1" t="s">
        <v>363</v>
      </c>
      <c r="M8" s="1" t="s">
        <v>98</v>
      </c>
      <c r="N8" s="1" t="s">
        <v>33</v>
      </c>
      <c r="O8" s="1" t="s">
        <v>129</v>
      </c>
      <c r="P8" s="1" t="s">
        <v>35</v>
      </c>
      <c r="Q8" s="1" t="s">
        <v>141</v>
      </c>
      <c r="S8" s="1" t="s">
        <v>80</v>
      </c>
      <c r="U8" s="1">
        <v>10.4</v>
      </c>
      <c r="V8" s="1"/>
      <c r="W8" s="1"/>
      <c r="X8" s="1">
        <v>0.1</v>
      </c>
      <c r="Y8" s="1">
        <v>1.2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2E-3</v>
      </c>
      <c r="BO8" s="1"/>
      <c r="BP8" s="1"/>
      <c r="BQ8" s="1">
        <v>33.799999999999997</v>
      </c>
      <c r="BR8" s="1"/>
      <c r="BS8" s="1"/>
      <c r="BT8" s="1">
        <v>2.6</v>
      </c>
      <c r="BU8" s="1"/>
      <c r="BV8" s="1"/>
      <c r="BW8" s="1"/>
      <c r="BX8" s="1"/>
      <c r="BY8" s="1"/>
      <c r="BZ8" s="1"/>
    </row>
    <row r="9" spans="1:78" x14ac:dyDescent="0.15">
      <c r="B9" s="2">
        <v>0.30694444444444441</v>
      </c>
      <c r="C9" s="1" t="s">
        <v>485</v>
      </c>
      <c r="D9" s="1" t="s">
        <v>113</v>
      </c>
      <c r="E9" s="1" t="s">
        <v>53</v>
      </c>
      <c r="G9" s="1" t="s">
        <v>44</v>
      </c>
      <c r="J9" s="1" t="s">
        <v>173</v>
      </c>
      <c r="N9" s="1" t="s">
        <v>33</v>
      </c>
      <c r="P9" s="1" t="s">
        <v>35</v>
      </c>
      <c r="Q9" s="1" t="s">
        <v>40</v>
      </c>
      <c r="S9" s="1" t="s">
        <v>87</v>
      </c>
      <c r="U9" s="1">
        <v>7.3</v>
      </c>
      <c r="V9" s="1"/>
      <c r="W9" s="1"/>
      <c r="X9" s="1">
        <v>0.17</v>
      </c>
      <c r="Y9" s="1">
        <v>2.1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>
        <v>0.09</v>
      </c>
      <c r="BD9" s="1">
        <v>0.14000000000000001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1.7999999999999999E-2</v>
      </c>
      <c r="BO9" s="1"/>
      <c r="BP9" s="1"/>
      <c r="BQ9" s="1">
        <v>34.409999999999997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2673611111111111</v>
      </c>
      <c r="C10" s="1" t="s">
        <v>483</v>
      </c>
      <c r="D10" s="1" t="s">
        <v>64</v>
      </c>
      <c r="E10" s="1" t="s">
        <v>53</v>
      </c>
      <c r="F10" s="1" t="s">
        <v>365</v>
      </c>
      <c r="G10" s="1" t="s">
        <v>155</v>
      </c>
      <c r="J10" s="1" t="s">
        <v>30</v>
      </c>
      <c r="K10" s="1" t="s">
        <v>363</v>
      </c>
      <c r="M10" s="1" t="s">
        <v>166</v>
      </c>
      <c r="N10" s="1" t="s">
        <v>33</v>
      </c>
      <c r="O10" s="1" t="s">
        <v>179</v>
      </c>
      <c r="P10" s="1" t="s">
        <v>35</v>
      </c>
      <c r="Q10" s="1" t="s">
        <v>40</v>
      </c>
      <c r="S10" s="1" t="s">
        <v>251</v>
      </c>
      <c r="U10" s="1">
        <v>8</v>
      </c>
      <c r="V10" s="1"/>
      <c r="W10" s="1"/>
      <c r="X10" s="1">
        <v>0.09</v>
      </c>
      <c r="Y10" s="1">
        <v>1.0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 t="s">
        <v>519</v>
      </c>
      <c r="BO10" s="1"/>
      <c r="BP10" s="1"/>
      <c r="BQ10" s="1">
        <v>33.799999999999997</v>
      </c>
      <c r="BR10" s="1"/>
      <c r="BS10" s="1"/>
      <c r="BT10" s="1">
        <v>1.6</v>
      </c>
      <c r="BU10" s="1"/>
      <c r="BV10" s="1"/>
      <c r="BW10" s="1"/>
      <c r="BX10" s="1"/>
      <c r="BY10" s="1"/>
      <c r="BZ10" s="1"/>
    </row>
    <row r="11" spans="1:78" x14ac:dyDescent="0.15">
      <c r="B11" s="2">
        <v>0.2673611111111111</v>
      </c>
      <c r="C11" s="1" t="s">
        <v>485</v>
      </c>
      <c r="D11" s="1" t="s">
        <v>64</v>
      </c>
      <c r="E11" s="1" t="s">
        <v>53</v>
      </c>
      <c r="G11" s="1" t="s">
        <v>254</v>
      </c>
      <c r="J11" s="1" t="s">
        <v>173</v>
      </c>
      <c r="N11" s="1" t="s">
        <v>33</v>
      </c>
      <c r="P11" s="1" t="s">
        <v>35</v>
      </c>
      <c r="Q11" s="1" t="s">
        <v>36</v>
      </c>
      <c r="S11" s="1" t="s">
        <v>201</v>
      </c>
      <c r="U11" s="1">
        <v>6.9</v>
      </c>
      <c r="V11" s="1"/>
      <c r="W11" s="1"/>
      <c r="X11" s="1">
        <v>0.16</v>
      </c>
      <c r="Y11" s="1">
        <v>2.1000000000000001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1.9E-2</v>
      </c>
      <c r="BO11" s="1"/>
      <c r="BP11" s="1"/>
      <c r="BQ11" s="1">
        <v>34.53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2673611111111111</v>
      </c>
      <c r="C12" s="1" t="s">
        <v>551</v>
      </c>
      <c r="D12" s="1" t="s">
        <v>64</v>
      </c>
      <c r="E12" s="1" t="s">
        <v>53</v>
      </c>
      <c r="J12" s="1" t="s">
        <v>18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33333333333333331</v>
      </c>
      <c r="C13" s="1" t="s">
        <v>483</v>
      </c>
      <c r="D13" s="1" t="s">
        <v>64</v>
      </c>
      <c r="E13" s="1" t="s">
        <v>53</v>
      </c>
      <c r="F13" s="1" t="s">
        <v>287</v>
      </c>
      <c r="G13" s="1" t="s">
        <v>347</v>
      </c>
      <c r="J13" s="1" t="s">
        <v>30</v>
      </c>
      <c r="K13" s="1" t="s">
        <v>366</v>
      </c>
      <c r="M13" s="1" t="s">
        <v>58</v>
      </c>
      <c r="N13" s="1" t="s">
        <v>33</v>
      </c>
      <c r="O13" s="1" t="s">
        <v>179</v>
      </c>
      <c r="P13" s="1" t="s">
        <v>35</v>
      </c>
      <c r="Q13" s="1" t="s">
        <v>58</v>
      </c>
      <c r="S13" s="1" t="s">
        <v>71</v>
      </c>
      <c r="U13" s="1">
        <v>7.5</v>
      </c>
      <c r="V13" s="3">
        <v>2</v>
      </c>
      <c r="W13" s="1" t="s">
        <v>514</v>
      </c>
      <c r="X13" s="1">
        <v>0.11</v>
      </c>
      <c r="Y13" s="1">
        <v>1.0999999999999999E-2</v>
      </c>
      <c r="Z13" s="1">
        <v>1.8E-3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 t="s">
        <v>518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1E-3</v>
      </c>
      <c r="BO13" s="1"/>
      <c r="BP13" s="1"/>
      <c r="BQ13" s="1">
        <v>33.01</v>
      </c>
      <c r="BR13" s="1"/>
      <c r="BS13" s="1"/>
      <c r="BT13" s="1">
        <v>2.6</v>
      </c>
      <c r="BU13" s="1"/>
      <c r="BV13" s="1"/>
      <c r="BW13" s="1"/>
      <c r="BX13" s="1"/>
      <c r="BY13" s="1"/>
      <c r="BZ13" s="1"/>
    </row>
    <row r="14" spans="1:78" x14ac:dyDescent="0.15">
      <c r="B14" s="2">
        <v>0.33333333333333331</v>
      </c>
      <c r="C14" s="1" t="s">
        <v>485</v>
      </c>
      <c r="D14" s="1" t="s">
        <v>64</v>
      </c>
      <c r="E14" s="1" t="s">
        <v>53</v>
      </c>
      <c r="G14" s="1" t="s">
        <v>330</v>
      </c>
      <c r="J14" s="1" t="s">
        <v>173</v>
      </c>
      <c r="N14" s="1" t="s">
        <v>33</v>
      </c>
      <c r="P14" s="1" t="s">
        <v>35</v>
      </c>
      <c r="Q14" s="1" t="s">
        <v>40</v>
      </c>
      <c r="S14" s="1" t="s">
        <v>41</v>
      </c>
      <c r="U14" s="1">
        <v>7.1</v>
      </c>
      <c r="V14" s="1"/>
      <c r="W14" s="1"/>
      <c r="X14" s="1">
        <v>0.15</v>
      </c>
      <c r="Y14" s="1">
        <v>1.4999999999999999E-2</v>
      </c>
      <c r="Z14" s="1">
        <v>2E-3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>
        <v>0.04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0999999999999999E-2</v>
      </c>
      <c r="BO14" s="1"/>
      <c r="BP14" s="1"/>
      <c r="BQ14" s="1">
        <v>33.99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3333333333333331</v>
      </c>
      <c r="C15" s="1" t="s">
        <v>551</v>
      </c>
      <c r="D15" s="1" t="s">
        <v>64</v>
      </c>
      <c r="E15" s="1" t="s">
        <v>53</v>
      </c>
      <c r="J15" s="1" t="s">
        <v>18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3215277777777778</v>
      </c>
      <c r="C16" s="1" t="s">
        <v>483</v>
      </c>
      <c r="D16" s="1" t="s">
        <v>64</v>
      </c>
      <c r="E16" s="1" t="s">
        <v>53</v>
      </c>
      <c r="F16" s="1" t="s">
        <v>367</v>
      </c>
      <c r="G16" s="1" t="s">
        <v>70</v>
      </c>
      <c r="J16" s="1" t="s">
        <v>30</v>
      </c>
      <c r="K16" s="1" t="s">
        <v>363</v>
      </c>
      <c r="M16" s="1" t="s">
        <v>137</v>
      </c>
      <c r="N16" s="1" t="s">
        <v>33</v>
      </c>
      <c r="O16" s="1" t="s">
        <v>186</v>
      </c>
      <c r="P16" s="1" t="s">
        <v>35</v>
      </c>
      <c r="Q16" s="1" t="s">
        <v>58</v>
      </c>
      <c r="S16" s="1" t="s">
        <v>172</v>
      </c>
      <c r="U16" s="1">
        <v>6.9</v>
      </c>
      <c r="V16" s="1"/>
      <c r="W16" s="1"/>
      <c r="X16" s="1">
        <v>0.04</v>
      </c>
      <c r="Y16" s="1">
        <v>6.0000000000000001E-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>
        <v>0.03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 t="s">
        <v>519</v>
      </c>
      <c r="BO16" s="1"/>
      <c r="BP16" s="1"/>
      <c r="BQ16" s="1">
        <v>34.04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3215277777777778</v>
      </c>
      <c r="C17" s="1" t="s">
        <v>485</v>
      </c>
      <c r="D17" s="1" t="s">
        <v>64</v>
      </c>
      <c r="E17" s="1" t="s">
        <v>53</v>
      </c>
      <c r="G17" s="1" t="s">
        <v>89</v>
      </c>
      <c r="J17" s="1" t="s">
        <v>173</v>
      </c>
      <c r="N17" s="1" t="s">
        <v>33</v>
      </c>
      <c r="P17" s="1" t="s">
        <v>35</v>
      </c>
      <c r="Q17" s="1" t="s">
        <v>40</v>
      </c>
      <c r="S17" s="1" t="s">
        <v>201</v>
      </c>
      <c r="U17" s="1">
        <v>6.5</v>
      </c>
      <c r="V17" s="1"/>
      <c r="W17" s="1"/>
      <c r="X17" s="1">
        <v>0.1</v>
      </c>
      <c r="Y17" s="1">
        <v>1.2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3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7.0000000000000001E-3</v>
      </c>
      <c r="BO17" s="1"/>
      <c r="BP17" s="1"/>
      <c r="BQ17" s="1">
        <v>34.090000000000003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215277777777778</v>
      </c>
      <c r="C18" s="1" t="s">
        <v>551</v>
      </c>
      <c r="D18" s="1" t="s">
        <v>64</v>
      </c>
      <c r="E18" s="1" t="s">
        <v>53</v>
      </c>
      <c r="J18" s="1" t="s">
        <v>188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30972222222222223</v>
      </c>
      <c r="C19" s="1" t="s">
        <v>483</v>
      </c>
      <c r="D19" s="1" t="s">
        <v>64</v>
      </c>
      <c r="E19" s="1" t="s">
        <v>53</v>
      </c>
      <c r="F19" s="1" t="s">
        <v>180</v>
      </c>
      <c r="G19" s="1" t="s">
        <v>199</v>
      </c>
      <c r="J19" s="1" t="s">
        <v>30</v>
      </c>
      <c r="K19" s="1" t="s">
        <v>363</v>
      </c>
      <c r="M19" s="1" t="s">
        <v>368</v>
      </c>
      <c r="N19" s="1" t="s">
        <v>33</v>
      </c>
      <c r="O19" s="1" t="s">
        <v>179</v>
      </c>
      <c r="P19" s="1" t="s">
        <v>35</v>
      </c>
      <c r="Q19" s="1" t="s">
        <v>58</v>
      </c>
      <c r="S19" s="1" t="s">
        <v>62</v>
      </c>
      <c r="U19" s="1">
        <v>7.9</v>
      </c>
      <c r="V19" s="1"/>
      <c r="W19" s="1"/>
      <c r="X19" s="1">
        <v>0.15</v>
      </c>
      <c r="Y19" s="1">
        <v>1.7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08</v>
      </c>
      <c r="BD19" s="1">
        <v>0.13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8.9999999999999993E-3</v>
      </c>
      <c r="BO19" s="1"/>
      <c r="BP19" s="1"/>
      <c r="BQ19" s="1">
        <v>31.25</v>
      </c>
      <c r="BR19" s="1" t="s">
        <v>537</v>
      </c>
      <c r="BS19" s="1"/>
      <c r="BT19" s="1">
        <v>1</v>
      </c>
      <c r="BU19" s="1"/>
      <c r="BV19" s="1"/>
      <c r="BW19" s="1"/>
      <c r="BX19" s="1"/>
      <c r="BY19" s="1"/>
      <c r="BZ19" s="1"/>
    </row>
    <row r="20" spans="1:78" x14ac:dyDescent="0.15">
      <c r="B20" s="2">
        <v>0.30972222222222223</v>
      </c>
      <c r="C20" s="1" t="s">
        <v>485</v>
      </c>
      <c r="D20" s="1" t="s">
        <v>64</v>
      </c>
      <c r="E20" s="1" t="s">
        <v>53</v>
      </c>
      <c r="G20" s="1" t="s">
        <v>159</v>
      </c>
      <c r="J20" s="1" t="s">
        <v>173</v>
      </c>
      <c r="N20" s="1" t="s">
        <v>33</v>
      </c>
      <c r="P20" s="1" t="s">
        <v>35</v>
      </c>
      <c r="Q20" s="1" t="s">
        <v>40</v>
      </c>
      <c r="S20" s="1" t="s">
        <v>41</v>
      </c>
      <c r="U20" s="1">
        <v>6.3</v>
      </c>
      <c r="V20" s="1"/>
      <c r="W20" s="1"/>
      <c r="X20" s="1">
        <v>0.1</v>
      </c>
      <c r="Y20" s="1">
        <v>1.799999999999999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09</v>
      </c>
      <c r="BD20" s="1">
        <v>0.14000000000000001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1.7999999999999999E-2</v>
      </c>
      <c r="BO20" s="1"/>
      <c r="BP20" s="1"/>
      <c r="BQ20" s="1">
        <v>34.4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0972222222222223</v>
      </c>
      <c r="C21" s="1" t="s">
        <v>551</v>
      </c>
      <c r="D21" s="1" t="s">
        <v>64</v>
      </c>
      <c r="E21" s="1" t="s">
        <v>53</v>
      </c>
      <c r="J21" s="1" t="s">
        <v>18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 t="s">
        <v>517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8.0000000000000004E-4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32291666666666669</v>
      </c>
      <c r="C22" s="1" t="s">
        <v>483</v>
      </c>
      <c r="D22" s="1" t="s">
        <v>64</v>
      </c>
      <c r="E22" s="1" t="s">
        <v>486</v>
      </c>
      <c r="F22" s="1" t="s">
        <v>147</v>
      </c>
      <c r="G22" s="1" t="s">
        <v>28</v>
      </c>
      <c r="J22" s="1" t="s">
        <v>30</v>
      </c>
      <c r="K22" s="1" t="s">
        <v>366</v>
      </c>
      <c r="M22" s="1" t="s">
        <v>140</v>
      </c>
      <c r="N22" s="1" t="s">
        <v>33</v>
      </c>
      <c r="O22" s="1" t="s">
        <v>186</v>
      </c>
      <c r="P22" s="1" t="s">
        <v>35</v>
      </c>
      <c r="Q22" s="1" t="s">
        <v>58</v>
      </c>
      <c r="S22" s="1" t="s">
        <v>201</v>
      </c>
      <c r="U22" s="1">
        <v>7.6</v>
      </c>
      <c r="V22" s="3">
        <v>23</v>
      </c>
      <c r="W22" s="1"/>
      <c r="X22" s="1">
        <v>0.09</v>
      </c>
      <c r="Y22" s="1">
        <v>8.9999999999999993E-3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 t="s">
        <v>518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4.0000000000000001E-3</v>
      </c>
      <c r="BO22" s="1"/>
      <c r="BP22" s="1"/>
      <c r="BQ22" s="1">
        <v>33.92</v>
      </c>
      <c r="BR22" s="1"/>
      <c r="BS22" s="1"/>
      <c r="BT22" s="1">
        <v>0.8</v>
      </c>
      <c r="BU22" s="1"/>
      <c r="BV22" s="1"/>
      <c r="BW22" s="1"/>
      <c r="BX22" s="1"/>
      <c r="BY22" s="1"/>
      <c r="BZ22" s="1"/>
    </row>
    <row r="23" spans="1:78" x14ac:dyDescent="0.15">
      <c r="B23" s="2">
        <v>0.32291666666666669</v>
      </c>
      <c r="C23" s="1" t="s">
        <v>485</v>
      </c>
      <c r="D23" s="1" t="s">
        <v>64</v>
      </c>
      <c r="E23" s="1" t="s">
        <v>486</v>
      </c>
      <c r="G23" s="1" t="s">
        <v>353</v>
      </c>
      <c r="J23" s="1" t="s">
        <v>173</v>
      </c>
      <c r="N23" s="1" t="s">
        <v>33</v>
      </c>
      <c r="P23" s="1" t="s">
        <v>35</v>
      </c>
      <c r="Q23" s="1" t="s">
        <v>40</v>
      </c>
      <c r="S23" s="1" t="s">
        <v>41</v>
      </c>
      <c r="U23" s="1">
        <v>7.5</v>
      </c>
      <c r="V23" s="1"/>
      <c r="W23" s="1"/>
      <c r="X23" s="1">
        <v>0.17</v>
      </c>
      <c r="Y23" s="1">
        <v>8.9999999999999993E-3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 t="s">
        <v>518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E-3</v>
      </c>
      <c r="BO23" s="1"/>
      <c r="BP23" s="1"/>
      <c r="BQ23" s="1">
        <v>34.02000000000000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2291666666666669</v>
      </c>
      <c r="C24" s="1" t="s">
        <v>551</v>
      </c>
      <c r="D24" s="1" t="s">
        <v>64</v>
      </c>
      <c r="E24" s="1" t="s">
        <v>486</v>
      </c>
      <c r="J24" s="1" t="s">
        <v>18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32222222222222224</v>
      </c>
      <c r="C25" s="1" t="s">
        <v>483</v>
      </c>
      <c r="D25" s="1" t="s">
        <v>64</v>
      </c>
      <c r="E25" s="1" t="s">
        <v>484</v>
      </c>
      <c r="F25" s="1" t="s">
        <v>359</v>
      </c>
      <c r="G25" s="1" t="s">
        <v>133</v>
      </c>
      <c r="J25" s="1" t="s">
        <v>30</v>
      </c>
      <c r="K25" s="1" t="s">
        <v>369</v>
      </c>
      <c r="M25" s="1" t="s">
        <v>119</v>
      </c>
      <c r="N25" s="1" t="s">
        <v>33</v>
      </c>
      <c r="O25" s="1" t="s">
        <v>186</v>
      </c>
      <c r="P25" s="1" t="s">
        <v>35</v>
      </c>
      <c r="Q25" s="1" t="s">
        <v>40</v>
      </c>
      <c r="S25" s="1" t="s">
        <v>100</v>
      </c>
      <c r="U25" s="1">
        <v>8.1</v>
      </c>
      <c r="V25" s="1"/>
      <c r="W25" s="1"/>
      <c r="X25" s="1">
        <v>0.13</v>
      </c>
      <c r="Y25" s="1">
        <v>1.2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3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6.0000000000000001E-3</v>
      </c>
      <c r="BO25" s="1"/>
      <c r="BP25" s="1"/>
      <c r="BQ25" s="1">
        <v>34.06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32222222222222224</v>
      </c>
      <c r="C26" s="1" t="s">
        <v>485</v>
      </c>
      <c r="D26" s="1" t="s">
        <v>64</v>
      </c>
      <c r="E26" s="1" t="s">
        <v>484</v>
      </c>
      <c r="G26" s="1" t="s">
        <v>159</v>
      </c>
      <c r="J26" s="1" t="s">
        <v>173</v>
      </c>
      <c r="N26" s="1" t="s">
        <v>33</v>
      </c>
      <c r="P26" s="1" t="s">
        <v>35</v>
      </c>
      <c r="Q26" s="1" t="s">
        <v>40</v>
      </c>
      <c r="S26" s="1" t="s">
        <v>201</v>
      </c>
      <c r="U26" s="1">
        <v>7.5</v>
      </c>
      <c r="V26" s="1"/>
      <c r="W26" s="1"/>
      <c r="X26" s="1">
        <v>0.15</v>
      </c>
      <c r="Y26" s="1">
        <v>1.6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6</v>
      </c>
      <c r="BD26" s="1">
        <v>0.11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9999999999999993E-3</v>
      </c>
      <c r="BO26" s="1"/>
      <c r="BP26" s="1"/>
      <c r="BQ26" s="1">
        <v>34.35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2222222222222224</v>
      </c>
      <c r="C27" s="1" t="s">
        <v>551</v>
      </c>
      <c r="D27" s="1" t="s">
        <v>64</v>
      </c>
      <c r="E27" s="1" t="s">
        <v>484</v>
      </c>
      <c r="J27" s="1" t="s">
        <v>18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35416666666666669</v>
      </c>
      <c r="C28" s="1" t="s">
        <v>483</v>
      </c>
      <c r="D28" s="1" t="s">
        <v>27</v>
      </c>
      <c r="E28" s="1" t="s">
        <v>53</v>
      </c>
      <c r="F28" s="1" t="s">
        <v>58</v>
      </c>
      <c r="G28" s="1" t="s">
        <v>198</v>
      </c>
      <c r="J28" s="1" t="s">
        <v>30</v>
      </c>
      <c r="K28" s="1" t="s">
        <v>370</v>
      </c>
      <c r="M28" s="1" t="s">
        <v>359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158</v>
      </c>
      <c r="U28" s="1">
        <v>8.3000000000000007</v>
      </c>
      <c r="V28" s="1"/>
      <c r="W28" s="1"/>
      <c r="X28" s="1">
        <v>0.12</v>
      </c>
      <c r="Y28" s="1">
        <v>1.4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3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8.0000000000000002E-3</v>
      </c>
      <c r="BO28" s="1"/>
      <c r="BP28" s="1"/>
      <c r="BQ28" s="1">
        <v>34.44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35416666666666669</v>
      </c>
      <c r="C29" s="1" t="s">
        <v>485</v>
      </c>
      <c r="D29" s="1" t="s">
        <v>27</v>
      </c>
      <c r="E29" s="1" t="s">
        <v>53</v>
      </c>
      <c r="G29" s="1" t="s">
        <v>229</v>
      </c>
      <c r="J29" s="1" t="s">
        <v>173</v>
      </c>
      <c r="N29" s="1" t="s">
        <v>33</v>
      </c>
      <c r="P29" s="1" t="s">
        <v>35</v>
      </c>
      <c r="Q29" s="1" t="s">
        <v>58</v>
      </c>
      <c r="S29" s="1" t="s">
        <v>158</v>
      </c>
      <c r="U29" s="1">
        <v>8.1999999999999993</v>
      </c>
      <c r="V29" s="1"/>
      <c r="W29" s="1"/>
      <c r="X29" s="1">
        <v>0.13</v>
      </c>
      <c r="Y29" s="1">
        <v>1.499999999999999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4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9999999999999993E-3</v>
      </c>
      <c r="BO29" s="1"/>
      <c r="BP29" s="1"/>
      <c r="BQ29" s="1">
        <v>34.479999999999997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5416666666666669</v>
      </c>
      <c r="C30" s="1" t="s">
        <v>551</v>
      </c>
      <c r="D30" s="1" t="s">
        <v>27</v>
      </c>
      <c r="E30" s="1" t="s">
        <v>53</v>
      </c>
      <c r="J30" s="1" t="s">
        <v>188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3263888888888889</v>
      </c>
      <c r="C31" s="1" t="s">
        <v>483</v>
      </c>
      <c r="D31" s="1" t="s">
        <v>113</v>
      </c>
      <c r="E31" s="1" t="s">
        <v>53</v>
      </c>
      <c r="F31" s="1" t="s">
        <v>371</v>
      </c>
      <c r="G31" s="1" t="s">
        <v>160</v>
      </c>
      <c r="J31" s="1" t="s">
        <v>30</v>
      </c>
      <c r="K31" s="1" t="s">
        <v>363</v>
      </c>
      <c r="M31" s="1" t="s">
        <v>294</v>
      </c>
      <c r="N31" s="1" t="s">
        <v>33</v>
      </c>
      <c r="O31" s="1" t="s">
        <v>186</v>
      </c>
      <c r="P31" s="1" t="s">
        <v>35</v>
      </c>
      <c r="Q31" s="1" t="s">
        <v>40</v>
      </c>
      <c r="S31" s="1" t="s">
        <v>100</v>
      </c>
      <c r="U31" s="1">
        <v>8</v>
      </c>
      <c r="V31" s="3">
        <v>2</v>
      </c>
      <c r="W31" s="1" t="s">
        <v>514</v>
      </c>
      <c r="X31" s="1">
        <v>0.11</v>
      </c>
      <c r="Y31" s="1">
        <v>1.7000000000000001E-2</v>
      </c>
      <c r="Z31" s="1">
        <v>1.2999999999999999E-3</v>
      </c>
      <c r="AA31" t="s">
        <v>552</v>
      </c>
      <c r="AB31" t="s">
        <v>53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7.0000000000000007E-2</v>
      </c>
      <c r="BD31" s="1">
        <v>0.12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0.01</v>
      </c>
      <c r="BO31" s="1"/>
      <c r="BP31" s="1"/>
      <c r="BQ31" s="1">
        <v>34.43</v>
      </c>
      <c r="BR31" s="1"/>
      <c r="BS31" s="1"/>
      <c r="BT31" s="1" t="s">
        <v>514</v>
      </c>
      <c r="BU31" s="1"/>
      <c r="BV31" s="1"/>
      <c r="BW31" s="1"/>
      <c r="BX31" s="1"/>
      <c r="BY31" s="1"/>
      <c r="BZ31" s="1"/>
    </row>
    <row r="32" spans="1:78" x14ac:dyDescent="0.15">
      <c r="B32" s="2">
        <v>0.3263888888888889</v>
      </c>
      <c r="C32" s="1" t="s">
        <v>485</v>
      </c>
      <c r="D32" s="1" t="s">
        <v>113</v>
      </c>
      <c r="E32" s="1" t="s">
        <v>53</v>
      </c>
      <c r="G32" s="1" t="s">
        <v>294</v>
      </c>
      <c r="J32" s="1" t="s">
        <v>173</v>
      </c>
      <c r="N32" s="1" t="s">
        <v>33</v>
      </c>
      <c r="P32" s="1" t="s">
        <v>35</v>
      </c>
      <c r="Q32" s="1" t="s">
        <v>40</v>
      </c>
      <c r="S32" s="1" t="s">
        <v>41</v>
      </c>
      <c r="U32" s="1">
        <v>7.9</v>
      </c>
      <c r="V32" s="1"/>
      <c r="W32" s="1"/>
      <c r="X32" s="1">
        <v>0.11</v>
      </c>
      <c r="Y32" s="1">
        <v>1.7000000000000001E-2</v>
      </c>
      <c r="Z32" s="1">
        <v>1.8E-3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6</v>
      </c>
      <c r="BC32" s="1">
        <v>0.06</v>
      </c>
      <c r="BD32" s="1">
        <v>0.11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2999999999999999E-2</v>
      </c>
      <c r="BO32" s="1"/>
      <c r="BP32" s="1"/>
      <c r="BQ32" s="1">
        <v>34.47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263888888888889</v>
      </c>
      <c r="C33" s="1" t="s">
        <v>551</v>
      </c>
      <c r="D33" s="1" t="s">
        <v>113</v>
      </c>
      <c r="E33" s="1" t="s">
        <v>53</v>
      </c>
      <c r="J33" s="1" t="s">
        <v>18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3215277777777778</v>
      </c>
      <c r="C34" s="1" t="s">
        <v>483</v>
      </c>
      <c r="D34" s="1" t="s">
        <v>64</v>
      </c>
      <c r="E34" s="1" t="s">
        <v>53</v>
      </c>
      <c r="F34" s="1" t="s">
        <v>372</v>
      </c>
      <c r="G34" s="1" t="s">
        <v>162</v>
      </c>
      <c r="J34" s="1" t="s">
        <v>30</v>
      </c>
      <c r="K34" s="1" t="s">
        <v>363</v>
      </c>
      <c r="M34" s="1" t="s">
        <v>119</v>
      </c>
      <c r="N34" s="1" t="s">
        <v>33</v>
      </c>
      <c r="O34" s="1" t="s">
        <v>186</v>
      </c>
      <c r="P34" s="1" t="s">
        <v>35</v>
      </c>
      <c r="Q34" s="1" t="s">
        <v>40</v>
      </c>
      <c r="S34" s="1" t="s">
        <v>41</v>
      </c>
      <c r="U34" s="1">
        <v>8.8000000000000007</v>
      </c>
      <c r="V34" s="1"/>
      <c r="W34" s="1"/>
      <c r="X34" s="1">
        <v>0.11</v>
      </c>
      <c r="Y34" s="1">
        <v>1.6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5</v>
      </c>
      <c r="BD34" s="1">
        <v>0.1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8.0000000000000002E-3</v>
      </c>
      <c r="BO34" s="1"/>
      <c r="BP34" s="1"/>
      <c r="BQ34" s="1">
        <v>34.75</v>
      </c>
      <c r="BR34" s="1"/>
      <c r="BS34" s="1"/>
      <c r="BT34" s="1" t="s">
        <v>514</v>
      </c>
      <c r="BU34" s="1"/>
      <c r="BV34" s="1"/>
      <c r="BW34" s="1"/>
      <c r="BX34" s="1"/>
      <c r="BY34" s="1"/>
      <c r="BZ34" s="1"/>
    </row>
    <row r="35" spans="1:78" x14ac:dyDescent="0.15">
      <c r="B35" s="2">
        <v>0.3215277777777778</v>
      </c>
      <c r="C35" s="1" t="s">
        <v>485</v>
      </c>
      <c r="D35" s="1" t="s">
        <v>64</v>
      </c>
      <c r="E35" s="1" t="s">
        <v>53</v>
      </c>
      <c r="G35" s="1" t="s">
        <v>117</v>
      </c>
      <c r="J35" s="1" t="s">
        <v>173</v>
      </c>
      <c r="N35" s="1" t="s">
        <v>33</v>
      </c>
      <c r="P35" s="1" t="s">
        <v>35</v>
      </c>
      <c r="Q35" s="1" t="s">
        <v>58</v>
      </c>
      <c r="S35" s="1" t="s">
        <v>41</v>
      </c>
      <c r="U35" s="1">
        <v>8.4</v>
      </c>
      <c r="V35" s="1"/>
      <c r="W35" s="1"/>
      <c r="X35" s="1">
        <v>0.12</v>
      </c>
      <c r="Y35" s="1">
        <v>1.7000000000000001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1.2999999999999999E-2</v>
      </c>
      <c r="BO35" s="1"/>
      <c r="BP35" s="1"/>
      <c r="BQ35" s="1">
        <v>34.8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215277777777778</v>
      </c>
      <c r="C36" s="1" t="s">
        <v>551</v>
      </c>
      <c r="D36" s="1" t="s">
        <v>64</v>
      </c>
      <c r="E36" s="1" t="s">
        <v>53</v>
      </c>
      <c r="J36" s="1" t="s">
        <v>18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4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45694444444444443</v>
      </c>
      <c r="C4" s="1" t="s">
        <v>483</v>
      </c>
      <c r="D4" s="1" t="s">
        <v>64</v>
      </c>
      <c r="E4" s="1" t="s">
        <v>95</v>
      </c>
      <c r="F4" s="1" t="s">
        <v>209</v>
      </c>
      <c r="G4" s="1" t="s">
        <v>38</v>
      </c>
      <c r="J4" s="1" t="s">
        <v>30</v>
      </c>
      <c r="K4" s="1" t="s">
        <v>373</v>
      </c>
      <c r="M4" s="1" t="s">
        <v>76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201</v>
      </c>
      <c r="U4" s="1">
        <v>8.5</v>
      </c>
      <c r="V4" s="1"/>
      <c r="W4" s="1"/>
      <c r="X4" s="1">
        <v>0.12</v>
      </c>
      <c r="Y4" s="1">
        <v>1.4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3.78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45694444444444443</v>
      </c>
      <c r="C5" s="1" t="s">
        <v>485</v>
      </c>
      <c r="D5" s="1" t="s">
        <v>64</v>
      </c>
      <c r="E5" s="1" t="s">
        <v>95</v>
      </c>
      <c r="G5" s="1" t="s">
        <v>169</v>
      </c>
      <c r="J5" s="1" t="s">
        <v>173</v>
      </c>
      <c r="N5" s="1" t="s">
        <v>33</v>
      </c>
      <c r="P5" s="1" t="s">
        <v>35</v>
      </c>
      <c r="Q5" s="1" t="s">
        <v>58</v>
      </c>
      <c r="S5" s="1" t="s">
        <v>100</v>
      </c>
      <c r="U5" s="1">
        <v>8.1999999999999993</v>
      </c>
      <c r="V5" s="1"/>
      <c r="W5" s="1"/>
      <c r="X5" s="1">
        <v>0.08</v>
      </c>
      <c r="Y5" s="1">
        <v>1.4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3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4694444444444445</v>
      </c>
      <c r="C6" s="1" t="s">
        <v>483</v>
      </c>
      <c r="D6" s="1" t="s">
        <v>64</v>
      </c>
      <c r="E6" s="1" t="s">
        <v>53</v>
      </c>
      <c r="F6" s="1" t="s">
        <v>374</v>
      </c>
      <c r="G6" s="1" t="s">
        <v>190</v>
      </c>
      <c r="J6" s="1" t="s">
        <v>30</v>
      </c>
      <c r="K6" s="1" t="s">
        <v>375</v>
      </c>
      <c r="M6" s="1" t="s">
        <v>83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376</v>
      </c>
      <c r="U6" s="1">
        <v>7.8</v>
      </c>
      <c r="V6" s="1"/>
      <c r="W6" s="1"/>
      <c r="X6" s="1">
        <v>0.08</v>
      </c>
      <c r="Y6" s="1">
        <v>8.9999999999999993E-3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3.01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4694444444444445</v>
      </c>
      <c r="C7" s="1" t="s">
        <v>485</v>
      </c>
      <c r="D7" s="1" t="s">
        <v>64</v>
      </c>
      <c r="E7" s="1" t="s">
        <v>53</v>
      </c>
      <c r="G7" s="1" t="s">
        <v>133</v>
      </c>
      <c r="J7" s="1" t="s">
        <v>173</v>
      </c>
      <c r="N7" s="1" t="s">
        <v>33</v>
      </c>
      <c r="P7" s="1" t="s">
        <v>35</v>
      </c>
      <c r="Q7" s="1" t="s">
        <v>40</v>
      </c>
      <c r="S7" s="1" t="s">
        <v>47</v>
      </c>
      <c r="U7" s="1">
        <v>6.7</v>
      </c>
      <c r="V7" s="1"/>
      <c r="W7" s="1"/>
      <c r="X7" s="1">
        <v>0.14000000000000001</v>
      </c>
      <c r="Y7" s="1">
        <v>1.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4.18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694444444444445</v>
      </c>
      <c r="C8" s="1" t="s">
        <v>551</v>
      </c>
      <c r="D8" s="1" t="s">
        <v>64</v>
      </c>
      <c r="E8" s="1" t="s">
        <v>53</v>
      </c>
      <c r="J8" s="1" t="s">
        <v>188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43888888888888888</v>
      </c>
      <c r="C9" s="1" t="s">
        <v>483</v>
      </c>
      <c r="D9" s="1" t="s">
        <v>64</v>
      </c>
      <c r="E9" s="1" t="s">
        <v>486</v>
      </c>
      <c r="F9" s="1" t="s">
        <v>299</v>
      </c>
      <c r="G9" s="1" t="s">
        <v>28</v>
      </c>
      <c r="J9" s="1" t="s">
        <v>30</v>
      </c>
      <c r="K9" s="1" t="s">
        <v>377</v>
      </c>
      <c r="M9" s="1" t="s">
        <v>161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93</v>
      </c>
      <c r="U9" s="1">
        <v>7.7</v>
      </c>
      <c r="V9" s="1"/>
      <c r="W9" s="1"/>
      <c r="X9" s="1">
        <v>0.1</v>
      </c>
      <c r="Y9" s="1">
        <v>0.01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97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43888888888888888</v>
      </c>
      <c r="C10" s="1" t="s">
        <v>485</v>
      </c>
      <c r="D10" s="1" t="s">
        <v>64</v>
      </c>
      <c r="E10" s="1" t="s">
        <v>486</v>
      </c>
      <c r="G10" s="1" t="s">
        <v>28</v>
      </c>
      <c r="J10" s="1" t="s">
        <v>173</v>
      </c>
      <c r="N10" s="1" t="s">
        <v>33</v>
      </c>
      <c r="P10" s="1" t="s">
        <v>35</v>
      </c>
      <c r="Q10" s="1" t="s">
        <v>58</v>
      </c>
      <c r="S10" s="1" t="s">
        <v>41</v>
      </c>
      <c r="U10" s="1">
        <v>7.5</v>
      </c>
      <c r="V10" s="1"/>
      <c r="W10" s="1"/>
      <c r="X10" s="1">
        <v>0.1</v>
      </c>
      <c r="Y10" s="1">
        <v>8.0000000000000002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4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3888888888888888</v>
      </c>
      <c r="C11" s="1" t="s">
        <v>551</v>
      </c>
      <c r="D11" s="1" t="s">
        <v>64</v>
      </c>
      <c r="E11" s="1" t="s">
        <v>486</v>
      </c>
      <c r="J11" s="1" t="s">
        <v>188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46180555555555558</v>
      </c>
      <c r="C12" s="1" t="s">
        <v>483</v>
      </c>
      <c r="D12" s="1" t="s">
        <v>113</v>
      </c>
      <c r="E12" s="1" t="s">
        <v>53</v>
      </c>
      <c r="F12" s="1" t="s">
        <v>141</v>
      </c>
      <c r="G12" s="1" t="s">
        <v>160</v>
      </c>
      <c r="J12" s="1" t="s">
        <v>30</v>
      </c>
      <c r="K12" s="1" t="s">
        <v>375</v>
      </c>
      <c r="M12" s="1" t="s">
        <v>161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41</v>
      </c>
      <c r="U12" s="1">
        <v>8</v>
      </c>
      <c r="V12" s="1"/>
      <c r="W12" s="1"/>
      <c r="X12" s="1">
        <v>0.11</v>
      </c>
      <c r="Y12" s="1">
        <v>1.7999999999999999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24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46180555555555558</v>
      </c>
      <c r="C13" s="1" t="s">
        <v>485</v>
      </c>
      <c r="D13" s="1" t="s">
        <v>113</v>
      </c>
      <c r="E13" s="1" t="s">
        <v>53</v>
      </c>
      <c r="G13" s="1" t="s">
        <v>294</v>
      </c>
      <c r="J13" s="1" t="s">
        <v>173</v>
      </c>
      <c r="N13" s="1" t="s">
        <v>33</v>
      </c>
      <c r="P13" s="1" t="s">
        <v>35</v>
      </c>
      <c r="Q13" s="1" t="s">
        <v>40</v>
      </c>
      <c r="S13" s="1" t="s">
        <v>41</v>
      </c>
      <c r="U13" s="1">
        <v>8</v>
      </c>
      <c r="V13" s="1"/>
      <c r="W13" s="1"/>
      <c r="X13" s="1">
        <v>0.1</v>
      </c>
      <c r="Y13" s="1">
        <v>1.7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479999999999997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6180555555555558</v>
      </c>
      <c r="C14" s="1" t="s">
        <v>551</v>
      </c>
      <c r="D14" s="1" t="s">
        <v>113</v>
      </c>
      <c r="E14" s="1" t="s">
        <v>53</v>
      </c>
      <c r="J14" s="1" t="s">
        <v>188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5</v>
      </c>
      <c r="E1" s="1" t="s">
        <v>2</v>
      </c>
      <c r="F1" s="1" t="s">
        <v>474</v>
      </c>
      <c r="G1" s="1" t="s">
        <v>3</v>
      </c>
      <c r="H1" s="1" t="s">
        <v>50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3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888888888888889</v>
      </c>
      <c r="C4" s="1" t="s">
        <v>483</v>
      </c>
      <c r="D4" s="1" t="s">
        <v>27</v>
      </c>
      <c r="E4" s="1" t="s">
        <v>341</v>
      </c>
      <c r="F4" s="1" t="s">
        <v>149</v>
      </c>
      <c r="G4" s="1" t="s">
        <v>147</v>
      </c>
      <c r="J4" s="1" t="s">
        <v>30</v>
      </c>
      <c r="K4" s="1" t="s">
        <v>378</v>
      </c>
      <c r="M4" s="1" t="s">
        <v>76</v>
      </c>
      <c r="N4" s="1" t="s">
        <v>33</v>
      </c>
      <c r="O4" s="1" t="s">
        <v>34</v>
      </c>
      <c r="P4" s="1" t="s">
        <v>35</v>
      </c>
      <c r="Q4" s="1" t="s">
        <v>40</v>
      </c>
      <c r="S4" s="1" t="s">
        <v>80</v>
      </c>
      <c r="U4" s="1">
        <v>8</v>
      </c>
      <c r="V4" s="3">
        <v>22</v>
      </c>
      <c r="W4" s="1" t="s">
        <v>514</v>
      </c>
      <c r="X4" s="1">
        <v>0.19</v>
      </c>
      <c r="Y4" s="1">
        <v>1.7000000000000001E-2</v>
      </c>
      <c r="Z4" s="1">
        <v>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31</v>
      </c>
      <c r="BC4" s="1">
        <v>0.05</v>
      </c>
      <c r="BD4" s="1">
        <v>0.1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5.0000000000000001E-3</v>
      </c>
      <c r="BO4" s="1"/>
      <c r="BP4" s="1"/>
      <c r="BQ4" s="1">
        <v>34.14</v>
      </c>
      <c r="BR4" s="1" t="s">
        <v>537</v>
      </c>
      <c r="BS4" s="1"/>
      <c r="BT4" s="1">
        <v>3.7</v>
      </c>
      <c r="BU4" s="1"/>
      <c r="BV4" s="1"/>
      <c r="BW4" s="1"/>
      <c r="BX4" s="1"/>
      <c r="BY4" s="1"/>
      <c r="BZ4" s="1"/>
    </row>
    <row r="5" spans="1:78" x14ac:dyDescent="0.15">
      <c r="B5" s="2">
        <v>0.3888888888888889</v>
      </c>
      <c r="C5" s="1" t="s">
        <v>485</v>
      </c>
      <c r="D5" s="1" t="s">
        <v>27</v>
      </c>
      <c r="E5" s="1" t="s">
        <v>341</v>
      </c>
      <c r="G5" s="1" t="s">
        <v>147</v>
      </c>
      <c r="J5" s="1" t="s">
        <v>379</v>
      </c>
      <c r="N5" s="1" t="s">
        <v>33</v>
      </c>
      <c r="P5" s="1" t="s">
        <v>35</v>
      </c>
      <c r="Q5" s="1" t="s">
        <v>40</v>
      </c>
      <c r="S5" s="1" t="s">
        <v>201</v>
      </c>
      <c r="U5" s="1">
        <v>7.6</v>
      </c>
      <c r="V5" s="1"/>
      <c r="W5" s="1"/>
      <c r="X5" s="1">
        <v>0.18</v>
      </c>
      <c r="Y5" s="1">
        <v>1.6E-2</v>
      </c>
      <c r="Z5" s="1">
        <v>2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31</v>
      </c>
      <c r="BC5" s="1">
        <v>0.05</v>
      </c>
      <c r="BD5" s="1">
        <v>0.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8.0000000000000002E-3</v>
      </c>
      <c r="BO5" s="1"/>
      <c r="BP5" s="1"/>
      <c r="BQ5" s="1">
        <v>34.54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888888888888889</v>
      </c>
      <c r="C6" s="1" t="s">
        <v>551</v>
      </c>
      <c r="D6" s="1" t="s">
        <v>27</v>
      </c>
      <c r="E6" s="1" t="s">
        <v>341</v>
      </c>
      <c r="J6" s="1" t="s">
        <v>188</v>
      </c>
      <c r="N6" s="1" t="s">
        <v>33</v>
      </c>
      <c r="U6" s="1"/>
      <c r="V6" s="1"/>
      <c r="W6" s="1"/>
      <c r="X6" s="1"/>
      <c r="Y6" s="1"/>
      <c r="Z6" s="1"/>
      <c r="AA6" s="1"/>
      <c r="AB6" s="1"/>
      <c r="AC6" s="1" t="s">
        <v>515</v>
      </c>
      <c r="AD6" s="1" t="s">
        <v>516</v>
      </c>
      <c r="AE6" s="1" t="s">
        <v>517</v>
      </c>
      <c r="AF6" s="1" t="s">
        <v>522</v>
      </c>
      <c r="AG6" s="1">
        <v>2.3999999999999998E-3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74</v>
      </c>
      <c r="B7" s="2">
        <v>0.44097222222222227</v>
      </c>
      <c r="C7" s="1" t="s">
        <v>483</v>
      </c>
      <c r="D7" s="1" t="s">
        <v>64</v>
      </c>
      <c r="E7" s="1" t="s">
        <v>95</v>
      </c>
      <c r="F7" s="1" t="s">
        <v>165</v>
      </c>
      <c r="G7" s="1" t="s">
        <v>202</v>
      </c>
      <c r="J7" s="1" t="s">
        <v>30</v>
      </c>
      <c r="K7" s="1" t="s">
        <v>380</v>
      </c>
      <c r="M7" s="1" t="s">
        <v>381</v>
      </c>
      <c r="N7" s="1" t="s">
        <v>33</v>
      </c>
      <c r="O7" s="1" t="s">
        <v>336</v>
      </c>
      <c r="P7" s="1" t="s">
        <v>35</v>
      </c>
      <c r="Q7" s="1" t="s">
        <v>58</v>
      </c>
      <c r="S7" s="1" t="s">
        <v>93</v>
      </c>
      <c r="U7" s="1">
        <v>7.8</v>
      </c>
      <c r="V7" s="1" t="s">
        <v>521</v>
      </c>
      <c r="W7" s="1" t="s">
        <v>514</v>
      </c>
      <c r="X7" s="1">
        <v>0.14000000000000001</v>
      </c>
      <c r="Y7" s="1">
        <v>1.0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31</v>
      </c>
      <c r="BC7" s="1" t="s">
        <v>531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4.0000000000000001E-3</v>
      </c>
      <c r="BO7" s="1"/>
      <c r="BP7" s="1"/>
      <c r="BQ7" s="1">
        <v>34.32</v>
      </c>
      <c r="BR7" s="1"/>
      <c r="BS7" s="1"/>
      <c r="BT7" s="1">
        <v>1</v>
      </c>
      <c r="BU7" s="1"/>
      <c r="BV7" s="1"/>
      <c r="BW7" s="1"/>
      <c r="BX7" s="1"/>
      <c r="BY7" s="1"/>
      <c r="BZ7" s="1"/>
    </row>
    <row r="8" spans="1:78" x14ac:dyDescent="0.15">
      <c r="B8" s="2">
        <v>0.44097222222222227</v>
      </c>
      <c r="C8" s="1" t="s">
        <v>485</v>
      </c>
      <c r="D8" s="1" t="s">
        <v>64</v>
      </c>
      <c r="E8" s="1" t="s">
        <v>95</v>
      </c>
      <c r="G8" s="1" t="s">
        <v>294</v>
      </c>
      <c r="J8" s="1" t="s">
        <v>379</v>
      </c>
      <c r="N8" s="1" t="s">
        <v>33</v>
      </c>
      <c r="P8" s="1" t="s">
        <v>35</v>
      </c>
      <c r="Q8" s="1" t="s">
        <v>40</v>
      </c>
      <c r="S8" s="1" t="s">
        <v>158</v>
      </c>
      <c r="U8" s="1">
        <v>7</v>
      </c>
      <c r="V8" s="1"/>
      <c r="W8" s="1"/>
      <c r="X8" s="1">
        <v>0.17</v>
      </c>
      <c r="Y8" s="1">
        <v>1.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31</v>
      </c>
      <c r="BC8" s="1">
        <v>0.1</v>
      </c>
      <c r="BD8" s="1">
        <v>0.15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1.4999999999999999E-2</v>
      </c>
      <c r="BO8" s="1"/>
      <c r="BP8" s="1"/>
      <c r="BQ8" s="1">
        <v>34.549999999999997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44097222222222227</v>
      </c>
      <c r="C9" s="1" t="s">
        <v>551</v>
      </c>
      <c r="D9" s="1" t="s">
        <v>64</v>
      </c>
      <c r="E9" s="1" t="s">
        <v>95</v>
      </c>
      <c r="J9" s="1" t="s">
        <v>188</v>
      </c>
      <c r="N9" s="1" t="s">
        <v>33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923611111111111</v>
      </c>
      <c r="C10" s="1" t="s">
        <v>483</v>
      </c>
      <c r="D10" s="1" t="s">
        <v>113</v>
      </c>
      <c r="E10" s="1" t="s">
        <v>53</v>
      </c>
      <c r="F10" s="1" t="s">
        <v>180</v>
      </c>
      <c r="G10" s="1" t="s">
        <v>224</v>
      </c>
      <c r="J10" s="1" t="s">
        <v>30</v>
      </c>
      <c r="K10" s="1" t="s">
        <v>380</v>
      </c>
      <c r="M10" s="1" t="s">
        <v>250</v>
      </c>
      <c r="N10" s="1" t="s">
        <v>33</v>
      </c>
      <c r="O10" s="1" t="s">
        <v>34</v>
      </c>
      <c r="P10" s="1" t="s">
        <v>35</v>
      </c>
      <c r="Q10" s="1" t="s">
        <v>141</v>
      </c>
      <c r="S10" s="1" t="s">
        <v>289</v>
      </c>
      <c r="U10" s="1">
        <v>8.1999999999999993</v>
      </c>
      <c r="V10" s="3">
        <v>2</v>
      </c>
      <c r="W10" s="1" t="s">
        <v>514</v>
      </c>
      <c r="X10" s="1">
        <v>0.14000000000000001</v>
      </c>
      <c r="Y10" s="1">
        <v>1.2E-2</v>
      </c>
      <c r="Z10" s="1">
        <v>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31</v>
      </c>
      <c r="BC10" s="1" t="s">
        <v>531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>
        <v>0.05</v>
      </c>
      <c r="BN10" s="1" t="s">
        <v>519</v>
      </c>
      <c r="BO10" s="1"/>
      <c r="BP10" s="1"/>
      <c r="BQ10" s="1">
        <v>33.840000000000003</v>
      </c>
      <c r="BR10" s="1">
        <v>0.03</v>
      </c>
      <c r="BS10" s="1"/>
      <c r="BT10" s="1">
        <v>1.9</v>
      </c>
      <c r="BU10" s="1"/>
      <c r="BV10" s="1"/>
      <c r="BW10" s="1"/>
      <c r="BX10" s="1"/>
      <c r="BY10" s="1"/>
      <c r="BZ10" s="1"/>
    </row>
    <row r="11" spans="1:78" x14ac:dyDescent="0.15">
      <c r="B11" s="2">
        <v>0.3923611111111111</v>
      </c>
      <c r="C11" s="1" t="s">
        <v>485</v>
      </c>
      <c r="D11" s="1" t="s">
        <v>113</v>
      </c>
      <c r="E11" s="1" t="s">
        <v>53</v>
      </c>
      <c r="G11" s="1" t="s">
        <v>156</v>
      </c>
      <c r="J11" s="1" t="s">
        <v>379</v>
      </c>
      <c r="N11" s="1" t="s">
        <v>33</v>
      </c>
      <c r="P11" s="1" t="s">
        <v>35</v>
      </c>
      <c r="Q11" s="1" t="s">
        <v>40</v>
      </c>
      <c r="S11" s="1" t="s">
        <v>87</v>
      </c>
      <c r="U11" s="1">
        <v>6.1</v>
      </c>
      <c r="V11" s="1"/>
      <c r="W11" s="1"/>
      <c r="X11" s="1">
        <v>0.17</v>
      </c>
      <c r="Y11" s="1">
        <v>1.9E-2</v>
      </c>
      <c r="Z11" s="1">
        <v>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31</v>
      </c>
      <c r="BC11" s="1">
        <v>0.11</v>
      </c>
      <c r="BD11" s="1">
        <v>0.16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1.7000000000000001E-2</v>
      </c>
      <c r="BO11" s="1"/>
      <c r="BP11" s="1"/>
      <c r="BQ11" s="1">
        <v>34.47999999999999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923611111111111</v>
      </c>
      <c r="C12" s="1" t="s">
        <v>551</v>
      </c>
      <c r="D12" s="1" t="s">
        <v>113</v>
      </c>
      <c r="E12" s="1" t="s">
        <v>53</v>
      </c>
      <c r="J12" s="1" t="s">
        <v>18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22</v>
      </c>
      <c r="AG12" s="1">
        <v>2.8E-3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4236111111111111</v>
      </c>
      <c r="C13" s="1" t="s">
        <v>483</v>
      </c>
      <c r="D13" s="1" t="s">
        <v>64</v>
      </c>
      <c r="E13" s="1" t="s">
        <v>53</v>
      </c>
      <c r="F13" s="1" t="s">
        <v>66</v>
      </c>
      <c r="G13" s="1" t="s">
        <v>55</v>
      </c>
      <c r="J13" s="1" t="s">
        <v>30</v>
      </c>
      <c r="K13" s="1" t="s">
        <v>382</v>
      </c>
      <c r="M13" s="1" t="s">
        <v>36</v>
      </c>
      <c r="N13" s="1" t="s">
        <v>33</v>
      </c>
      <c r="O13" s="1" t="s">
        <v>84</v>
      </c>
      <c r="P13" s="1" t="s">
        <v>35</v>
      </c>
      <c r="Q13" s="1" t="s">
        <v>58</v>
      </c>
      <c r="S13" s="1" t="s">
        <v>172</v>
      </c>
      <c r="U13" s="1">
        <v>7</v>
      </c>
      <c r="V13" s="3">
        <v>5</v>
      </c>
      <c r="W13" s="1" t="s">
        <v>514</v>
      </c>
      <c r="X13" s="1">
        <v>0.14000000000000001</v>
      </c>
      <c r="Y13" s="1">
        <v>8.9999999999999993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31</v>
      </c>
      <c r="BC13" s="1" t="s">
        <v>531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1E-3</v>
      </c>
      <c r="BO13" s="1"/>
      <c r="BP13" s="1"/>
      <c r="BQ13" s="1">
        <v>33.58</v>
      </c>
      <c r="BR13" s="1"/>
      <c r="BS13" s="1"/>
      <c r="BT13" s="1">
        <v>0.7</v>
      </c>
      <c r="BU13" s="1"/>
      <c r="BV13" s="1"/>
      <c r="BW13" s="1"/>
      <c r="BX13" s="1"/>
      <c r="BY13" s="1"/>
      <c r="BZ13" s="1"/>
    </row>
    <row r="14" spans="1:78" x14ac:dyDescent="0.15">
      <c r="B14" s="2">
        <v>0.4236111111111111</v>
      </c>
      <c r="C14" s="1" t="s">
        <v>485</v>
      </c>
      <c r="D14" s="1" t="s">
        <v>64</v>
      </c>
      <c r="E14" s="1" t="s">
        <v>53</v>
      </c>
      <c r="G14" s="1" t="s">
        <v>54</v>
      </c>
      <c r="J14" s="1" t="s">
        <v>379</v>
      </c>
      <c r="N14" s="1" t="s">
        <v>33</v>
      </c>
      <c r="P14" s="1" t="s">
        <v>35</v>
      </c>
      <c r="Q14" s="1" t="s">
        <v>40</v>
      </c>
      <c r="S14" s="1" t="s">
        <v>201</v>
      </c>
      <c r="U14" s="1">
        <v>6.4</v>
      </c>
      <c r="V14" s="1"/>
      <c r="W14" s="1"/>
      <c r="X14" s="1">
        <v>0.18</v>
      </c>
      <c r="Y14" s="1">
        <v>1.799999999999999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31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4999999999999999E-2</v>
      </c>
      <c r="BO14" s="1"/>
      <c r="BP14" s="1"/>
      <c r="BQ14" s="1">
        <v>34.44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236111111111111</v>
      </c>
      <c r="C15" s="1" t="s">
        <v>551</v>
      </c>
      <c r="D15" s="1" t="s">
        <v>64</v>
      </c>
      <c r="E15" s="1" t="s">
        <v>53</v>
      </c>
      <c r="J15" s="1" t="s">
        <v>18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40625</v>
      </c>
      <c r="C16" s="1" t="s">
        <v>483</v>
      </c>
      <c r="D16" s="1" t="s">
        <v>73</v>
      </c>
      <c r="E16" s="1" t="s">
        <v>53</v>
      </c>
      <c r="F16" s="1" t="s">
        <v>286</v>
      </c>
      <c r="G16" s="1" t="s">
        <v>383</v>
      </c>
      <c r="J16" s="1" t="s">
        <v>30</v>
      </c>
      <c r="K16" s="1" t="s">
        <v>384</v>
      </c>
      <c r="M16" s="1" t="s">
        <v>385</v>
      </c>
      <c r="N16" s="1" t="s">
        <v>33</v>
      </c>
      <c r="O16" s="1" t="s">
        <v>273</v>
      </c>
      <c r="P16" s="1" t="s">
        <v>35</v>
      </c>
      <c r="Q16" s="1" t="s">
        <v>141</v>
      </c>
      <c r="S16" s="1" t="s">
        <v>47</v>
      </c>
      <c r="U16" s="1">
        <v>7.3</v>
      </c>
      <c r="V16" s="3">
        <v>7</v>
      </c>
      <c r="W16" s="1" t="s">
        <v>514</v>
      </c>
      <c r="X16" s="1">
        <v>0.19</v>
      </c>
      <c r="Y16" s="1">
        <v>1.0999999999999999E-2</v>
      </c>
      <c r="Z16" s="1">
        <v>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31</v>
      </c>
      <c r="BC16" s="1" t="s">
        <v>531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 t="s">
        <v>519</v>
      </c>
      <c r="BO16" s="1"/>
      <c r="BP16" s="1"/>
      <c r="BQ16" s="1">
        <v>32.86</v>
      </c>
      <c r="BR16" s="1" t="s">
        <v>537</v>
      </c>
      <c r="BS16" s="1"/>
      <c r="BT16" s="1">
        <v>2.1</v>
      </c>
      <c r="BU16" s="1"/>
      <c r="BV16" s="1"/>
      <c r="BW16" s="1"/>
      <c r="BX16" s="1"/>
      <c r="BY16" s="1"/>
      <c r="BZ16" s="1"/>
    </row>
    <row r="17" spans="1:78" x14ac:dyDescent="0.15">
      <c r="B17" s="2">
        <v>0.40625</v>
      </c>
      <c r="C17" s="1" t="s">
        <v>485</v>
      </c>
      <c r="D17" s="1" t="s">
        <v>73</v>
      </c>
      <c r="E17" s="1" t="s">
        <v>53</v>
      </c>
      <c r="G17" s="1" t="s">
        <v>101</v>
      </c>
      <c r="J17" s="1" t="s">
        <v>379</v>
      </c>
      <c r="N17" s="1" t="s">
        <v>33</v>
      </c>
      <c r="P17" s="1" t="s">
        <v>35</v>
      </c>
      <c r="Q17" s="1" t="s">
        <v>40</v>
      </c>
      <c r="S17" s="1" t="s">
        <v>100</v>
      </c>
      <c r="U17" s="1">
        <v>6.1</v>
      </c>
      <c r="V17" s="1"/>
      <c r="W17" s="1"/>
      <c r="X17" s="1">
        <v>0.2</v>
      </c>
      <c r="Y17" s="1">
        <v>2.1000000000000001E-2</v>
      </c>
      <c r="Z17" s="1">
        <v>2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31</v>
      </c>
      <c r="BC17" s="1">
        <v>0.08</v>
      </c>
      <c r="BD17" s="1">
        <v>0.13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1.2999999999999999E-2</v>
      </c>
      <c r="BO17" s="1"/>
      <c r="BP17" s="1"/>
      <c r="BQ17" s="1">
        <v>34.44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0625</v>
      </c>
      <c r="C18" s="1" t="s">
        <v>551</v>
      </c>
      <c r="D18" s="1" t="s">
        <v>73</v>
      </c>
      <c r="E18" s="1" t="s">
        <v>53</v>
      </c>
      <c r="J18" s="1" t="s">
        <v>188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 t="s">
        <v>515</v>
      </c>
      <c r="AD18" s="1" t="s">
        <v>516</v>
      </c>
      <c r="AE18" s="1" t="s">
        <v>517</v>
      </c>
      <c r="AF18" s="1" t="s">
        <v>522</v>
      </c>
      <c r="AG18" s="1">
        <v>3.7000000000000002E-3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7</v>
      </c>
      <c r="AZ18" s="1"/>
      <c r="BA18" s="1"/>
      <c r="BB18" s="1"/>
      <c r="BC18" s="1"/>
      <c r="BD18" s="1"/>
      <c r="BE18" s="1"/>
      <c r="BF18" s="1" t="s">
        <v>522</v>
      </c>
      <c r="BG18" s="1">
        <v>8.9999999999999998E-4</v>
      </c>
      <c r="BH18" s="1" t="s">
        <v>518</v>
      </c>
      <c r="BI18" s="1">
        <v>3.0000000000000001E-3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86</v>
      </c>
      <c r="B19" s="2">
        <v>0.39583333333333331</v>
      </c>
      <c r="C19" s="1" t="s">
        <v>483</v>
      </c>
      <c r="D19" s="1" t="s">
        <v>64</v>
      </c>
      <c r="E19" s="1" t="s">
        <v>341</v>
      </c>
      <c r="F19" s="1" t="s">
        <v>290</v>
      </c>
      <c r="G19" s="1" t="s">
        <v>322</v>
      </c>
      <c r="J19" s="1" t="s">
        <v>30</v>
      </c>
      <c r="K19" s="1" t="s">
        <v>387</v>
      </c>
      <c r="M19" s="1" t="s">
        <v>385</v>
      </c>
      <c r="N19" s="1" t="s">
        <v>33</v>
      </c>
      <c r="O19" s="1" t="s">
        <v>84</v>
      </c>
      <c r="P19" s="1" t="s">
        <v>35</v>
      </c>
      <c r="Q19" s="1" t="s">
        <v>58</v>
      </c>
      <c r="S19" s="1" t="s">
        <v>62</v>
      </c>
      <c r="U19" s="1">
        <v>6.5</v>
      </c>
      <c r="V19" s="3">
        <v>230</v>
      </c>
      <c r="W19" s="1" t="s">
        <v>514</v>
      </c>
      <c r="X19" s="1">
        <v>0.13</v>
      </c>
      <c r="Y19" s="1">
        <v>1.2999999999999999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31</v>
      </c>
      <c r="BC19" s="1" t="s">
        <v>531</v>
      </c>
      <c r="BD19" s="1" t="s">
        <v>529</v>
      </c>
      <c r="BE19" s="1"/>
      <c r="BF19" s="1"/>
      <c r="BG19" s="1"/>
      <c r="BH19" s="1"/>
      <c r="BI19" s="1"/>
      <c r="BJ19" s="1"/>
      <c r="BK19" s="1"/>
      <c r="BL19" s="1"/>
      <c r="BM19" s="1">
        <v>0.04</v>
      </c>
      <c r="BN19" s="1">
        <v>3.0000000000000001E-3</v>
      </c>
      <c r="BO19" s="1"/>
      <c r="BP19" s="1"/>
      <c r="BQ19" s="1">
        <v>33.46</v>
      </c>
      <c r="BR19" s="1"/>
      <c r="BS19" s="1"/>
      <c r="BT19" s="1">
        <v>0.6</v>
      </c>
      <c r="BU19" s="1"/>
      <c r="BV19" s="1"/>
      <c r="BW19" s="1"/>
      <c r="BX19" s="1"/>
      <c r="BY19" s="1"/>
      <c r="BZ19" s="1"/>
    </row>
    <row r="20" spans="1:78" x14ac:dyDescent="0.15">
      <c r="B20" s="2">
        <v>0.39583333333333331</v>
      </c>
      <c r="C20" s="1" t="s">
        <v>485</v>
      </c>
      <c r="D20" s="1" t="s">
        <v>64</v>
      </c>
      <c r="E20" s="1" t="s">
        <v>341</v>
      </c>
      <c r="G20" s="1" t="s">
        <v>308</v>
      </c>
      <c r="J20" s="1" t="s">
        <v>379</v>
      </c>
      <c r="N20" s="1" t="s">
        <v>33</v>
      </c>
      <c r="P20" s="1" t="s">
        <v>35</v>
      </c>
      <c r="Q20" s="1" t="s">
        <v>40</v>
      </c>
      <c r="S20" s="1" t="s">
        <v>201</v>
      </c>
      <c r="U20" s="1">
        <v>6.2</v>
      </c>
      <c r="V20" s="1"/>
      <c r="W20" s="1"/>
      <c r="X20" s="1">
        <v>0.14000000000000001</v>
      </c>
      <c r="Y20" s="1">
        <v>1.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31</v>
      </c>
      <c r="BC20" s="1">
        <v>0.05</v>
      </c>
      <c r="BD20" s="1">
        <v>0.1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8.0000000000000002E-3</v>
      </c>
      <c r="BO20" s="1"/>
      <c r="BP20" s="1"/>
      <c r="BQ20" s="1">
        <v>34.29999999999999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9583333333333331</v>
      </c>
      <c r="C21" s="1" t="s">
        <v>551</v>
      </c>
      <c r="D21" s="1" t="s">
        <v>64</v>
      </c>
      <c r="E21" s="1" t="s">
        <v>341</v>
      </c>
      <c r="J21" s="1" t="s">
        <v>18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40277777777777773</v>
      </c>
      <c r="C22" s="1" t="s">
        <v>483</v>
      </c>
      <c r="D22" s="1" t="s">
        <v>304</v>
      </c>
      <c r="E22" s="1" t="s">
        <v>53</v>
      </c>
      <c r="F22" s="1" t="s">
        <v>199</v>
      </c>
      <c r="G22" s="1" t="s">
        <v>89</v>
      </c>
      <c r="J22" s="1" t="s">
        <v>30</v>
      </c>
      <c r="K22" s="1" t="s">
        <v>388</v>
      </c>
      <c r="M22" s="1" t="s">
        <v>32</v>
      </c>
      <c r="N22" s="1" t="s">
        <v>33</v>
      </c>
      <c r="O22" s="1" t="s">
        <v>273</v>
      </c>
      <c r="P22" s="1" t="s">
        <v>35</v>
      </c>
      <c r="Q22" s="1" t="s">
        <v>58</v>
      </c>
      <c r="S22" s="1" t="s">
        <v>59</v>
      </c>
      <c r="U22" s="1">
        <v>7.6</v>
      </c>
      <c r="V22" s="3">
        <v>8</v>
      </c>
      <c r="W22" s="1" t="s">
        <v>514</v>
      </c>
      <c r="X22" s="1">
        <v>0.32</v>
      </c>
      <c r="Y22" s="1">
        <v>2.3E-2</v>
      </c>
      <c r="Z22" s="1" t="s">
        <v>519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31</v>
      </c>
      <c r="BC22" s="1">
        <v>0.19</v>
      </c>
      <c r="BD22" s="1">
        <v>0.24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0.01</v>
      </c>
      <c r="BO22" s="1"/>
      <c r="BP22" s="1"/>
      <c r="BQ22" s="1">
        <v>27.03</v>
      </c>
      <c r="BR22" s="1" t="s">
        <v>537</v>
      </c>
      <c r="BS22" s="1"/>
      <c r="BT22" s="1">
        <v>1.8</v>
      </c>
      <c r="BU22" s="1"/>
      <c r="BV22" s="1"/>
      <c r="BW22" s="1"/>
      <c r="BX22" s="1"/>
      <c r="BY22" s="1"/>
      <c r="BZ22" s="1"/>
    </row>
    <row r="23" spans="1:78" x14ac:dyDescent="0.15">
      <c r="B23" s="2">
        <v>0.40277777777777773</v>
      </c>
      <c r="C23" s="1" t="s">
        <v>485</v>
      </c>
      <c r="D23" s="1" t="s">
        <v>304</v>
      </c>
      <c r="E23" s="1" t="s">
        <v>53</v>
      </c>
      <c r="G23" s="1" t="s">
        <v>28</v>
      </c>
      <c r="J23" s="1" t="s">
        <v>379</v>
      </c>
      <c r="N23" s="1" t="s">
        <v>33</v>
      </c>
      <c r="P23" s="1" t="s">
        <v>35</v>
      </c>
      <c r="Q23" s="1" t="s">
        <v>40</v>
      </c>
      <c r="S23" s="1" t="s">
        <v>87</v>
      </c>
      <c r="U23" s="1">
        <v>6</v>
      </c>
      <c r="V23" s="1"/>
      <c r="W23" s="1"/>
      <c r="X23" s="1">
        <v>0.15</v>
      </c>
      <c r="Y23" s="1">
        <v>1.6E-2</v>
      </c>
      <c r="Z23" s="1">
        <v>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31</v>
      </c>
      <c r="BC23" s="1">
        <v>0.08</v>
      </c>
      <c r="BD23" s="1">
        <v>0.13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2E-2</v>
      </c>
      <c r="BO23" s="1"/>
      <c r="BP23" s="1"/>
      <c r="BQ23" s="1">
        <v>34.3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0277777777777773</v>
      </c>
      <c r="C24" s="1" t="s">
        <v>551</v>
      </c>
      <c r="D24" s="1" t="s">
        <v>304</v>
      </c>
      <c r="E24" s="1" t="s">
        <v>53</v>
      </c>
      <c r="J24" s="1" t="s">
        <v>18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22</v>
      </c>
      <c r="AG24" s="1">
        <v>4.3E-3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40277777777777773</v>
      </c>
      <c r="C25" s="1" t="s">
        <v>483</v>
      </c>
      <c r="D25" s="1" t="s">
        <v>304</v>
      </c>
      <c r="E25" s="1" t="s">
        <v>484</v>
      </c>
      <c r="F25" s="1" t="s">
        <v>54</v>
      </c>
      <c r="G25" s="1" t="s">
        <v>311</v>
      </c>
      <c r="J25" s="1" t="s">
        <v>30</v>
      </c>
      <c r="K25" s="1" t="s">
        <v>389</v>
      </c>
      <c r="M25" s="1" t="s">
        <v>385</v>
      </c>
      <c r="N25" s="1" t="s">
        <v>33</v>
      </c>
      <c r="O25" s="1" t="s">
        <v>84</v>
      </c>
      <c r="P25" s="1" t="s">
        <v>35</v>
      </c>
      <c r="Q25" s="1" t="s">
        <v>58</v>
      </c>
      <c r="S25" s="1" t="s">
        <v>93</v>
      </c>
      <c r="U25" s="1">
        <v>7.3</v>
      </c>
      <c r="V25" s="3">
        <v>23</v>
      </c>
      <c r="W25" s="1" t="s">
        <v>514</v>
      </c>
      <c r="X25" s="1">
        <v>0.1</v>
      </c>
      <c r="Y25" s="1">
        <v>8.9999999999999993E-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31</v>
      </c>
      <c r="BC25" s="1" t="s">
        <v>531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2E-3</v>
      </c>
      <c r="BO25" s="1"/>
      <c r="BP25" s="1"/>
      <c r="BQ25" s="1">
        <v>33.950000000000003</v>
      </c>
      <c r="BR25" s="1"/>
      <c r="BS25" s="1"/>
      <c r="BT25" s="1">
        <v>0.9</v>
      </c>
      <c r="BU25" s="1"/>
      <c r="BV25" s="1"/>
      <c r="BW25" s="1"/>
      <c r="BX25" s="1"/>
      <c r="BY25" s="1"/>
      <c r="BZ25" s="1"/>
    </row>
    <row r="26" spans="1:78" x14ac:dyDescent="0.15">
      <c r="B26" s="2">
        <v>0.40277777777777773</v>
      </c>
      <c r="C26" s="1" t="s">
        <v>485</v>
      </c>
      <c r="D26" s="1" t="s">
        <v>304</v>
      </c>
      <c r="E26" s="1" t="s">
        <v>484</v>
      </c>
      <c r="G26" s="1" t="s">
        <v>311</v>
      </c>
      <c r="J26" s="1" t="s">
        <v>379</v>
      </c>
      <c r="N26" s="1" t="s">
        <v>33</v>
      </c>
      <c r="P26" s="1" t="s">
        <v>35</v>
      </c>
      <c r="Q26" s="1" t="s">
        <v>58</v>
      </c>
      <c r="S26" s="1" t="s">
        <v>93</v>
      </c>
      <c r="U26" s="1">
        <v>6.9</v>
      </c>
      <c r="V26" s="1"/>
      <c r="W26" s="1"/>
      <c r="X26" s="1">
        <v>0.1</v>
      </c>
      <c r="Y26" s="1">
        <v>0.0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31</v>
      </c>
      <c r="BC26" s="1" t="s">
        <v>531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5.0000000000000001E-3</v>
      </c>
      <c r="BO26" s="1"/>
      <c r="BP26" s="1"/>
      <c r="BQ26" s="1">
        <v>34.06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0277777777777773</v>
      </c>
      <c r="C27" s="1" t="s">
        <v>551</v>
      </c>
      <c r="D27" s="1" t="s">
        <v>304</v>
      </c>
      <c r="E27" s="1" t="s">
        <v>484</v>
      </c>
      <c r="J27" s="1" t="s">
        <v>18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90</v>
      </c>
      <c r="B28" s="2">
        <v>0.46180555555555558</v>
      </c>
      <c r="C28" s="1" t="s">
        <v>483</v>
      </c>
      <c r="D28" s="1" t="s">
        <v>64</v>
      </c>
      <c r="E28" s="1" t="s">
        <v>53</v>
      </c>
      <c r="F28" s="1" t="s">
        <v>212</v>
      </c>
      <c r="G28" s="1" t="s">
        <v>246</v>
      </c>
      <c r="J28" s="1" t="s">
        <v>30</v>
      </c>
      <c r="K28" s="1" t="s">
        <v>380</v>
      </c>
      <c r="M28" s="1" t="s">
        <v>391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37</v>
      </c>
      <c r="U28" s="1">
        <v>7.3</v>
      </c>
      <c r="V28" s="3">
        <v>9200</v>
      </c>
      <c r="W28" s="1" t="s">
        <v>514</v>
      </c>
      <c r="X28" s="1">
        <v>0.17</v>
      </c>
      <c r="Y28" s="1">
        <v>1.7999999999999999E-2</v>
      </c>
      <c r="Z28" s="1">
        <v>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31</v>
      </c>
      <c r="BC28" s="1">
        <v>0.08</v>
      </c>
      <c r="BD28" s="1">
        <v>0.13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0.01</v>
      </c>
      <c r="BO28" s="1"/>
      <c r="BP28" s="1"/>
      <c r="BQ28" s="1">
        <v>33.39</v>
      </c>
      <c r="BR28" s="1" t="s">
        <v>537</v>
      </c>
      <c r="BS28" s="1"/>
      <c r="BT28" s="1">
        <v>1.8</v>
      </c>
      <c r="BU28" s="1"/>
      <c r="BV28" s="1"/>
      <c r="BW28" s="1"/>
      <c r="BX28" s="1"/>
      <c r="BY28" s="1"/>
      <c r="BZ28" s="1"/>
    </row>
    <row r="29" spans="1:78" x14ac:dyDescent="0.15">
      <c r="B29" s="2">
        <v>0.46180555555555558</v>
      </c>
      <c r="C29" s="1" t="s">
        <v>485</v>
      </c>
      <c r="D29" s="1" t="s">
        <v>64</v>
      </c>
      <c r="E29" s="1" t="s">
        <v>53</v>
      </c>
      <c r="G29" s="1" t="s">
        <v>133</v>
      </c>
      <c r="J29" s="1" t="s">
        <v>379</v>
      </c>
      <c r="N29" s="1" t="s">
        <v>33</v>
      </c>
      <c r="P29" s="1" t="s">
        <v>35</v>
      </c>
      <c r="Q29" s="1" t="s">
        <v>58</v>
      </c>
      <c r="S29" s="1" t="s">
        <v>93</v>
      </c>
      <c r="U29" s="1">
        <v>7</v>
      </c>
      <c r="V29" s="1"/>
      <c r="W29" s="1"/>
      <c r="X29" s="1">
        <v>0.12</v>
      </c>
      <c r="Y29" s="1">
        <v>1.2E-2</v>
      </c>
      <c r="Z29" s="1">
        <v>3.000000000000000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31</v>
      </c>
      <c r="BC29" s="1">
        <v>0.06</v>
      </c>
      <c r="BD29" s="1">
        <v>0.11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0000000000000002E-3</v>
      </c>
      <c r="BO29" s="1"/>
      <c r="BP29" s="1"/>
      <c r="BQ29" s="1">
        <v>34.24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6180555555555558</v>
      </c>
      <c r="C30" s="1" t="s">
        <v>551</v>
      </c>
      <c r="D30" s="1" t="s">
        <v>64</v>
      </c>
      <c r="E30" s="1" t="s">
        <v>53</v>
      </c>
      <c r="J30" s="1" t="s">
        <v>188</v>
      </c>
      <c r="N30" s="1" t="s">
        <v>33</v>
      </c>
      <c r="U30" s="1"/>
      <c r="V30" s="1"/>
      <c r="W30" s="1"/>
      <c r="X30" s="1"/>
      <c r="Y30" s="1"/>
      <c r="Z30" s="1"/>
      <c r="AC30" s="1" t="s">
        <v>515</v>
      </c>
      <c r="AD30" s="1" t="s">
        <v>516</v>
      </c>
      <c r="AE30" s="1" t="s">
        <v>517</v>
      </c>
      <c r="AF30" s="1" t="s">
        <v>522</v>
      </c>
      <c r="AG30" s="1">
        <v>2.5000000000000001E-3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92</v>
      </c>
      <c r="B31" s="2">
        <v>0.3923611111111111</v>
      </c>
      <c r="C31" s="1" t="s">
        <v>483</v>
      </c>
      <c r="D31" s="1" t="s">
        <v>64</v>
      </c>
      <c r="E31" s="1" t="s">
        <v>53</v>
      </c>
      <c r="F31" s="1" t="s">
        <v>393</v>
      </c>
      <c r="G31" s="1" t="s">
        <v>216</v>
      </c>
      <c r="J31" s="1" t="s">
        <v>30</v>
      </c>
      <c r="K31" s="1" t="s">
        <v>380</v>
      </c>
      <c r="M31" s="1" t="s">
        <v>394</v>
      </c>
      <c r="N31" s="1" t="s">
        <v>33</v>
      </c>
      <c r="O31" s="1" t="s">
        <v>336</v>
      </c>
      <c r="P31" s="1" t="s">
        <v>35</v>
      </c>
      <c r="Q31" s="1" t="s">
        <v>40</v>
      </c>
      <c r="S31" s="1" t="s">
        <v>158</v>
      </c>
      <c r="U31" s="1">
        <v>7.5</v>
      </c>
      <c r="V31" s="3">
        <v>2</v>
      </c>
      <c r="W31" s="1" t="s">
        <v>514</v>
      </c>
      <c r="X31" s="1">
        <v>0.15</v>
      </c>
      <c r="Y31" s="1">
        <v>1.2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31</v>
      </c>
      <c r="BC31" s="1">
        <v>7.0000000000000007E-2</v>
      </c>
      <c r="BD31" s="1">
        <v>0.12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0.01</v>
      </c>
      <c r="BO31" s="1"/>
      <c r="BP31" s="1"/>
      <c r="BQ31" s="1">
        <v>34.590000000000003</v>
      </c>
      <c r="BR31" s="1"/>
      <c r="BS31" s="1"/>
      <c r="BT31" s="1">
        <v>0.2</v>
      </c>
      <c r="BU31" s="1"/>
      <c r="BV31" s="1"/>
      <c r="BW31" s="1"/>
      <c r="BX31" s="1"/>
      <c r="BY31" s="1"/>
      <c r="BZ31" s="1"/>
    </row>
    <row r="32" spans="1:78" x14ac:dyDescent="0.15">
      <c r="B32" s="2">
        <v>0.3923611111111111</v>
      </c>
      <c r="C32" s="1" t="s">
        <v>485</v>
      </c>
      <c r="D32" s="1" t="s">
        <v>64</v>
      </c>
      <c r="E32" s="1" t="s">
        <v>53</v>
      </c>
      <c r="G32" s="1" t="s">
        <v>131</v>
      </c>
      <c r="J32" s="1" t="s">
        <v>379</v>
      </c>
      <c r="N32" s="1" t="s">
        <v>33</v>
      </c>
      <c r="P32" s="1" t="s">
        <v>35</v>
      </c>
      <c r="Q32" s="1" t="s">
        <v>40</v>
      </c>
      <c r="S32" s="1" t="s">
        <v>158</v>
      </c>
      <c r="U32" s="1">
        <v>7.3</v>
      </c>
      <c r="V32" s="1"/>
      <c r="W32" s="1"/>
      <c r="X32" s="1">
        <v>0.15</v>
      </c>
      <c r="Y32" s="1">
        <v>1.0999999999999999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31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0.01</v>
      </c>
      <c r="BO32" s="1"/>
      <c r="BP32" s="1"/>
      <c r="BQ32" s="1">
        <v>34.58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923611111111111</v>
      </c>
      <c r="C33" s="1" t="s">
        <v>551</v>
      </c>
      <c r="D33" s="1" t="s">
        <v>64</v>
      </c>
      <c r="E33" s="1" t="s">
        <v>53</v>
      </c>
      <c r="J33" s="1" t="s">
        <v>18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41319444444444442</v>
      </c>
      <c r="C34" s="1" t="s">
        <v>483</v>
      </c>
      <c r="D34" s="1" t="s">
        <v>113</v>
      </c>
      <c r="E34" s="1" t="s">
        <v>53</v>
      </c>
      <c r="F34" s="1" t="s">
        <v>76</v>
      </c>
      <c r="G34" s="1" t="s">
        <v>152</v>
      </c>
      <c r="J34" s="1" t="s">
        <v>30</v>
      </c>
      <c r="K34" s="1" t="s">
        <v>380</v>
      </c>
      <c r="M34" s="1" t="s">
        <v>395</v>
      </c>
      <c r="N34" s="1" t="s">
        <v>33</v>
      </c>
      <c r="O34" s="1" t="s">
        <v>336</v>
      </c>
      <c r="P34" s="1" t="s">
        <v>35</v>
      </c>
      <c r="Q34" s="1" t="s">
        <v>40</v>
      </c>
      <c r="S34" s="1" t="s">
        <v>158</v>
      </c>
      <c r="U34" s="1">
        <v>7.7</v>
      </c>
      <c r="V34" s="3">
        <v>5</v>
      </c>
      <c r="W34" s="1" t="s">
        <v>514</v>
      </c>
      <c r="X34" s="1">
        <v>0.14000000000000001</v>
      </c>
      <c r="Y34" s="1">
        <v>1.4999999999999999E-2</v>
      </c>
      <c r="Z34" s="1" t="s">
        <v>519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31</v>
      </c>
      <c r="BC34" s="1">
        <v>7.0000000000000007E-2</v>
      </c>
      <c r="BD34" s="1">
        <v>0.12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0.01</v>
      </c>
      <c r="BO34" s="1"/>
      <c r="BP34" s="1"/>
      <c r="BQ34" s="1">
        <v>34.58</v>
      </c>
      <c r="BR34" s="1" t="s">
        <v>537</v>
      </c>
      <c r="BS34" s="1"/>
      <c r="BT34" s="1">
        <v>0.7</v>
      </c>
      <c r="BU34" s="1"/>
      <c r="BV34" s="1"/>
      <c r="BW34" s="1"/>
      <c r="BX34" s="1"/>
      <c r="BY34" s="1"/>
      <c r="BZ34" s="1"/>
    </row>
    <row r="35" spans="1:78" x14ac:dyDescent="0.15">
      <c r="B35" s="2">
        <v>0.41319444444444442</v>
      </c>
      <c r="C35" s="1" t="s">
        <v>485</v>
      </c>
      <c r="D35" s="1" t="s">
        <v>113</v>
      </c>
      <c r="E35" s="1" t="s">
        <v>53</v>
      </c>
      <c r="G35" s="1" t="s">
        <v>134</v>
      </c>
      <c r="J35" s="1" t="s">
        <v>379</v>
      </c>
      <c r="N35" s="1" t="s">
        <v>33</v>
      </c>
      <c r="P35" s="1" t="s">
        <v>35</v>
      </c>
      <c r="Q35" s="1" t="s">
        <v>40</v>
      </c>
      <c r="S35" s="1" t="s">
        <v>87</v>
      </c>
      <c r="U35" s="1">
        <v>7.6</v>
      </c>
      <c r="V35" s="1"/>
      <c r="W35" s="1"/>
      <c r="X35" s="1">
        <v>0.13</v>
      </c>
      <c r="Y35" s="1">
        <v>1.2999999999999999E-2</v>
      </c>
      <c r="Z35" s="1">
        <v>2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31</v>
      </c>
      <c r="BC35" s="1">
        <v>7.0000000000000007E-2</v>
      </c>
      <c r="BD35" s="1">
        <v>0.12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0.01</v>
      </c>
      <c r="BO35" s="1"/>
      <c r="BP35" s="1"/>
      <c r="BQ35" s="1">
        <v>34.619999999999997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41319444444444442</v>
      </c>
      <c r="C36" s="1" t="s">
        <v>551</v>
      </c>
      <c r="D36" s="1" t="s">
        <v>113</v>
      </c>
      <c r="E36" s="1" t="s">
        <v>53</v>
      </c>
      <c r="J36" s="1" t="s">
        <v>188</v>
      </c>
      <c r="N36" s="1" t="s">
        <v>33</v>
      </c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22</v>
      </c>
      <c r="AG36" s="1">
        <v>1.8E-3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7</v>
      </c>
      <c r="AZ36" s="1"/>
      <c r="BA36" s="1"/>
      <c r="BB36" s="1"/>
      <c r="BC36" s="1"/>
      <c r="BD36" s="1"/>
      <c r="BF36" s="1" t="s">
        <v>522</v>
      </c>
      <c r="BG36" s="1" t="s">
        <v>517</v>
      </c>
      <c r="BH36" s="1" t="s">
        <v>518</v>
      </c>
      <c r="BI36" s="1">
        <v>6.9999999999999999E-4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396</v>
      </c>
      <c r="B37" s="2">
        <v>0.44097222222222227</v>
      </c>
      <c r="C37" s="1" t="s">
        <v>483</v>
      </c>
      <c r="D37" s="1" t="s">
        <v>113</v>
      </c>
      <c r="E37" s="1" t="s">
        <v>484</v>
      </c>
      <c r="F37" s="1" t="s">
        <v>397</v>
      </c>
      <c r="G37" s="1" t="s">
        <v>149</v>
      </c>
      <c r="J37" s="1" t="s">
        <v>30</v>
      </c>
      <c r="K37" s="1" t="s">
        <v>398</v>
      </c>
      <c r="M37" s="1" t="s">
        <v>385</v>
      </c>
      <c r="N37" s="1" t="s">
        <v>33</v>
      </c>
      <c r="O37" s="1" t="s">
        <v>34</v>
      </c>
      <c r="P37" s="1" t="s">
        <v>35</v>
      </c>
      <c r="Q37" s="1" t="s">
        <v>40</v>
      </c>
      <c r="S37" s="1" t="s">
        <v>87</v>
      </c>
      <c r="U37" s="1">
        <v>8</v>
      </c>
      <c r="V37" s="1" t="s">
        <v>521</v>
      </c>
      <c r="W37" s="1" t="s">
        <v>514</v>
      </c>
      <c r="X37" s="1">
        <v>0.17</v>
      </c>
      <c r="Y37" s="1">
        <v>1.4999999999999999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531</v>
      </c>
      <c r="BC37" s="1">
        <v>0.08</v>
      </c>
      <c r="BD37" s="1">
        <v>0.13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8.9999999999999993E-3</v>
      </c>
      <c r="BO37" s="1"/>
      <c r="BP37" s="1"/>
      <c r="BQ37" s="1">
        <v>34.520000000000003</v>
      </c>
      <c r="BR37" s="1"/>
      <c r="BS37" s="1"/>
      <c r="BT37" s="1">
        <v>0.9</v>
      </c>
      <c r="BU37" s="1"/>
      <c r="BV37" s="1"/>
      <c r="BW37" s="1"/>
      <c r="BX37" s="1"/>
      <c r="BY37" s="1"/>
      <c r="BZ37" s="1"/>
    </row>
    <row r="38" spans="1:78" x14ac:dyDescent="0.15">
      <c r="B38" s="2">
        <v>0.44097222222222227</v>
      </c>
      <c r="C38" s="1" t="s">
        <v>485</v>
      </c>
      <c r="D38" s="1" t="s">
        <v>113</v>
      </c>
      <c r="E38" s="1" t="s">
        <v>484</v>
      </c>
      <c r="G38" s="1" t="s">
        <v>149</v>
      </c>
      <c r="J38" s="1" t="s">
        <v>379</v>
      </c>
      <c r="N38" s="1" t="s">
        <v>33</v>
      </c>
      <c r="P38" s="1" t="s">
        <v>35</v>
      </c>
      <c r="Q38" s="1" t="s">
        <v>40</v>
      </c>
      <c r="S38" s="1" t="s">
        <v>41</v>
      </c>
      <c r="U38" s="1">
        <v>7.7</v>
      </c>
      <c r="V38" s="1"/>
      <c r="W38" s="1"/>
      <c r="X38" s="1">
        <v>0.15</v>
      </c>
      <c r="Y38" s="1">
        <v>1.4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 t="s">
        <v>531</v>
      </c>
      <c r="BC38" s="1">
        <v>7.0000000000000007E-2</v>
      </c>
      <c r="BD38" s="1">
        <v>0.12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1.0999999999999999E-2</v>
      </c>
      <c r="BO38" s="1"/>
      <c r="BP38" s="1"/>
      <c r="BQ38" s="1">
        <v>34.61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44097222222222227</v>
      </c>
      <c r="C39" s="1" t="s">
        <v>551</v>
      </c>
      <c r="D39" s="1" t="s">
        <v>113</v>
      </c>
      <c r="E39" s="1" t="s">
        <v>484</v>
      </c>
      <c r="J39" s="1" t="s">
        <v>188</v>
      </c>
      <c r="N39" s="1" t="s">
        <v>33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7</v>
      </c>
      <c r="E1" s="1" t="s">
        <v>2</v>
      </c>
      <c r="F1" s="1" t="s">
        <v>474</v>
      </c>
      <c r="G1" s="1" t="s">
        <v>3</v>
      </c>
      <c r="H1" s="1" t="s">
        <v>50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5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6458333333333331</v>
      </c>
      <c r="C4" s="1" t="s">
        <v>483</v>
      </c>
      <c r="D4" s="1" t="s">
        <v>27</v>
      </c>
      <c r="E4" s="1" t="s">
        <v>341</v>
      </c>
      <c r="F4" s="1" t="s">
        <v>127</v>
      </c>
      <c r="G4" s="1" t="s">
        <v>198</v>
      </c>
      <c r="J4" s="1" t="s">
        <v>30</v>
      </c>
      <c r="K4" s="1" t="s">
        <v>387</v>
      </c>
      <c r="M4" s="1" t="s">
        <v>239</v>
      </c>
      <c r="N4" s="1" t="s">
        <v>33</v>
      </c>
      <c r="O4" s="1" t="s">
        <v>273</v>
      </c>
      <c r="P4" s="1" t="s">
        <v>35</v>
      </c>
      <c r="Q4" s="1" t="s">
        <v>40</v>
      </c>
      <c r="S4" s="1" t="s">
        <v>194</v>
      </c>
      <c r="U4" s="1">
        <v>8.1</v>
      </c>
      <c r="V4" s="3">
        <v>490</v>
      </c>
      <c r="W4" s="1" t="s">
        <v>514</v>
      </c>
      <c r="X4" s="1">
        <v>0.26</v>
      </c>
      <c r="Y4" s="1">
        <v>2.7E-2</v>
      </c>
      <c r="Z4" s="1">
        <v>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31</v>
      </c>
      <c r="BC4" s="1">
        <v>0.13</v>
      </c>
      <c r="BD4" s="1">
        <v>0.18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4999999999999999E-2</v>
      </c>
      <c r="BO4" s="1"/>
      <c r="BP4" s="1"/>
      <c r="BQ4" s="1">
        <v>31.97</v>
      </c>
      <c r="BR4" s="1" t="s">
        <v>537</v>
      </c>
      <c r="BS4" s="1"/>
      <c r="BT4" s="1">
        <v>2.1</v>
      </c>
      <c r="BU4" s="1"/>
      <c r="BV4" s="1"/>
      <c r="BW4" s="1"/>
      <c r="BX4" s="1"/>
      <c r="BY4" s="1"/>
      <c r="BZ4" s="1"/>
    </row>
    <row r="5" spans="1:78" x14ac:dyDescent="0.15">
      <c r="B5" s="2">
        <v>0.36458333333333331</v>
      </c>
      <c r="C5" s="1" t="s">
        <v>485</v>
      </c>
      <c r="D5" s="1" t="s">
        <v>27</v>
      </c>
      <c r="E5" s="1" t="s">
        <v>341</v>
      </c>
      <c r="G5" s="1" t="s">
        <v>198</v>
      </c>
      <c r="J5" s="1" t="s">
        <v>379</v>
      </c>
      <c r="N5" s="1" t="s">
        <v>33</v>
      </c>
      <c r="P5" s="1" t="s">
        <v>35</v>
      </c>
      <c r="Q5" s="1" t="s">
        <v>40</v>
      </c>
      <c r="S5" s="1" t="s">
        <v>201</v>
      </c>
      <c r="U5" s="1">
        <v>7.6</v>
      </c>
      <c r="V5" s="1"/>
      <c r="W5" s="1"/>
      <c r="X5" s="1">
        <v>0.18</v>
      </c>
      <c r="Y5" s="1">
        <v>1.7999999999999999E-2</v>
      </c>
      <c r="Z5" s="1">
        <v>6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31</v>
      </c>
      <c r="BC5" s="1">
        <v>0.06</v>
      </c>
      <c r="BD5" s="1">
        <v>0.1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0.01</v>
      </c>
      <c r="BO5" s="1"/>
      <c r="BP5" s="1"/>
      <c r="BQ5" s="1">
        <v>34.5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6458333333333331</v>
      </c>
      <c r="C6" s="1" t="s">
        <v>551</v>
      </c>
      <c r="D6" s="1" t="s">
        <v>27</v>
      </c>
      <c r="E6" s="1" t="s">
        <v>341</v>
      </c>
      <c r="J6" s="1" t="s">
        <v>188</v>
      </c>
      <c r="N6" s="1" t="s">
        <v>33</v>
      </c>
      <c r="U6" s="1"/>
      <c r="V6" s="1"/>
      <c r="W6" s="1"/>
      <c r="X6" s="1"/>
      <c r="Y6" s="1"/>
      <c r="Z6" s="1"/>
      <c r="AA6" s="1"/>
      <c r="AB6" s="1"/>
      <c r="AC6" s="1" t="s">
        <v>515</v>
      </c>
      <c r="AD6" s="1" t="s">
        <v>516</v>
      </c>
      <c r="AE6" s="1" t="s">
        <v>517</v>
      </c>
      <c r="AF6" s="1" t="s">
        <v>522</v>
      </c>
      <c r="AG6" s="1">
        <v>2.0999999999999999E-3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74</v>
      </c>
      <c r="B7" s="2">
        <v>0.41666666666666669</v>
      </c>
      <c r="C7" s="1" t="s">
        <v>483</v>
      </c>
      <c r="D7" s="1" t="s">
        <v>64</v>
      </c>
      <c r="E7" s="1" t="s">
        <v>95</v>
      </c>
      <c r="F7" s="1" t="s">
        <v>212</v>
      </c>
      <c r="G7" s="1" t="s">
        <v>202</v>
      </c>
      <c r="J7" s="1" t="s">
        <v>30</v>
      </c>
      <c r="K7" s="1" t="s">
        <v>399</v>
      </c>
      <c r="M7" s="1" t="s">
        <v>391</v>
      </c>
      <c r="N7" s="1" t="s">
        <v>33</v>
      </c>
      <c r="O7" s="1" t="s">
        <v>336</v>
      </c>
      <c r="P7" s="1" t="s">
        <v>35</v>
      </c>
      <c r="Q7" s="1" t="s">
        <v>58</v>
      </c>
      <c r="S7" s="1" t="s">
        <v>93</v>
      </c>
      <c r="U7" s="1">
        <v>7.8</v>
      </c>
      <c r="V7" s="3">
        <v>2</v>
      </c>
      <c r="W7" s="1" t="s">
        <v>514</v>
      </c>
      <c r="X7" s="1">
        <v>0.15</v>
      </c>
      <c r="Y7" s="1">
        <v>0.01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31</v>
      </c>
      <c r="BC7" s="1" t="s">
        <v>531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>
        <v>0.04</v>
      </c>
      <c r="BN7" s="1">
        <v>3.0000000000000001E-3</v>
      </c>
      <c r="BO7" s="1"/>
      <c r="BP7" s="1"/>
      <c r="BQ7" s="1">
        <v>34.340000000000003</v>
      </c>
      <c r="BR7" s="1"/>
      <c r="BS7" s="1"/>
      <c r="BT7" s="1">
        <v>0.8</v>
      </c>
      <c r="BU7" s="1"/>
      <c r="BV7" s="1"/>
      <c r="BW7" s="1"/>
      <c r="BX7" s="1"/>
      <c r="BY7" s="1"/>
      <c r="BZ7" s="1"/>
    </row>
    <row r="8" spans="1:78" x14ac:dyDescent="0.15">
      <c r="B8" s="2">
        <v>0.41666666666666669</v>
      </c>
      <c r="C8" s="1" t="s">
        <v>485</v>
      </c>
      <c r="D8" s="1" t="s">
        <v>64</v>
      </c>
      <c r="E8" s="1" t="s">
        <v>95</v>
      </c>
      <c r="G8" s="1" t="s">
        <v>300</v>
      </c>
      <c r="J8" s="1" t="s">
        <v>379</v>
      </c>
      <c r="N8" s="1" t="s">
        <v>33</v>
      </c>
      <c r="P8" s="1" t="s">
        <v>35</v>
      </c>
      <c r="Q8" s="1" t="s">
        <v>40</v>
      </c>
      <c r="S8" s="1" t="s">
        <v>100</v>
      </c>
      <c r="U8" s="1">
        <v>7.3</v>
      </c>
      <c r="V8" s="1"/>
      <c r="W8" s="1"/>
      <c r="X8" s="1">
        <v>0.16</v>
      </c>
      <c r="Y8" s="1">
        <v>1.6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31</v>
      </c>
      <c r="BC8" s="1">
        <v>0.08</v>
      </c>
      <c r="BD8" s="1">
        <v>0.13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1.0999999999999999E-2</v>
      </c>
      <c r="BO8" s="1"/>
      <c r="BP8" s="1"/>
      <c r="BQ8" s="1">
        <v>34.5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41666666666666669</v>
      </c>
      <c r="C9" s="1" t="s">
        <v>551</v>
      </c>
      <c r="D9" s="1" t="s">
        <v>64</v>
      </c>
      <c r="E9" s="1" t="s">
        <v>95</v>
      </c>
      <c r="J9" s="1" t="s">
        <v>188</v>
      </c>
      <c r="N9" s="1" t="s">
        <v>33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7152777777777773</v>
      </c>
      <c r="C10" s="1" t="s">
        <v>483</v>
      </c>
      <c r="D10" s="1" t="s">
        <v>113</v>
      </c>
      <c r="E10" s="1" t="s">
        <v>53</v>
      </c>
      <c r="F10" s="1" t="s">
        <v>54</v>
      </c>
      <c r="G10" s="1" t="s">
        <v>196</v>
      </c>
      <c r="J10" s="1" t="s">
        <v>30</v>
      </c>
      <c r="K10" s="1" t="s">
        <v>398</v>
      </c>
      <c r="M10" s="1" t="s">
        <v>126</v>
      </c>
      <c r="N10" s="1" t="s">
        <v>33</v>
      </c>
      <c r="O10" s="1" t="s">
        <v>34</v>
      </c>
      <c r="P10" s="1" t="s">
        <v>35</v>
      </c>
      <c r="Q10" s="1" t="s">
        <v>141</v>
      </c>
      <c r="S10" s="1" t="s">
        <v>400</v>
      </c>
      <c r="U10" s="1">
        <v>8.5</v>
      </c>
      <c r="V10" s="3">
        <v>22</v>
      </c>
      <c r="W10" s="1" t="s">
        <v>514</v>
      </c>
      <c r="X10" s="1">
        <v>0.17</v>
      </c>
      <c r="Y10" s="1">
        <v>1.6E-2</v>
      </c>
      <c r="Z10" s="1">
        <v>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31</v>
      </c>
      <c r="BC10" s="1" t="s">
        <v>531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1E-3</v>
      </c>
      <c r="BO10" s="1"/>
      <c r="BP10" s="1"/>
      <c r="BQ10" s="1">
        <v>33.47</v>
      </c>
      <c r="BR10" s="1">
        <v>0.03</v>
      </c>
      <c r="BS10" s="1"/>
      <c r="BT10" s="1">
        <v>2.6</v>
      </c>
      <c r="BU10" s="1"/>
      <c r="BV10" s="1"/>
      <c r="BW10" s="1"/>
      <c r="BX10" s="1"/>
      <c r="BY10" s="1"/>
      <c r="BZ10" s="1"/>
    </row>
    <row r="11" spans="1:78" x14ac:dyDescent="0.15">
      <c r="B11" s="2">
        <v>0.37152777777777773</v>
      </c>
      <c r="C11" s="1" t="s">
        <v>485</v>
      </c>
      <c r="D11" s="1" t="s">
        <v>113</v>
      </c>
      <c r="E11" s="1" t="s">
        <v>53</v>
      </c>
      <c r="G11" s="1" t="s">
        <v>147</v>
      </c>
      <c r="J11" s="1" t="s">
        <v>379</v>
      </c>
      <c r="N11" s="1" t="s">
        <v>33</v>
      </c>
      <c r="P11" s="1" t="s">
        <v>35</v>
      </c>
      <c r="Q11" s="1" t="s">
        <v>40</v>
      </c>
      <c r="S11" s="1" t="s">
        <v>87</v>
      </c>
      <c r="U11" s="1">
        <v>6.2</v>
      </c>
      <c r="V11" s="1"/>
      <c r="W11" s="1"/>
      <c r="X11" s="1">
        <v>0.19</v>
      </c>
      <c r="Y11" s="1">
        <v>2.1999999999999999E-2</v>
      </c>
      <c r="Z11" s="1">
        <v>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31</v>
      </c>
      <c r="BC11" s="1">
        <v>0.12</v>
      </c>
      <c r="BD11" s="1">
        <v>0.17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1.7999999999999999E-2</v>
      </c>
      <c r="BO11" s="1"/>
      <c r="BP11" s="1"/>
      <c r="BQ11" s="1">
        <v>34.46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7152777777777773</v>
      </c>
      <c r="C12" s="1" t="s">
        <v>551</v>
      </c>
      <c r="D12" s="1" t="s">
        <v>113</v>
      </c>
      <c r="E12" s="1" t="s">
        <v>53</v>
      </c>
      <c r="J12" s="1" t="s">
        <v>18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22</v>
      </c>
      <c r="AG12" s="1">
        <v>3.0999999999999999E-3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40277777777777773</v>
      </c>
      <c r="C13" s="1" t="s">
        <v>483</v>
      </c>
      <c r="D13" s="1" t="s">
        <v>64</v>
      </c>
      <c r="E13" s="1" t="s">
        <v>53</v>
      </c>
      <c r="F13" s="1" t="s">
        <v>221</v>
      </c>
      <c r="G13" s="1" t="s">
        <v>343</v>
      </c>
      <c r="J13" s="1" t="s">
        <v>30</v>
      </c>
      <c r="K13" s="1" t="s">
        <v>382</v>
      </c>
      <c r="M13" s="1" t="s">
        <v>391</v>
      </c>
      <c r="N13" s="1" t="s">
        <v>33</v>
      </c>
      <c r="O13" s="1" t="s">
        <v>336</v>
      </c>
      <c r="P13" s="1" t="s">
        <v>35</v>
      </c>
      <c r="Q13" s="1" t="s">
        <v>58</v>
      </c>
      <c r="S13" s="1" t="s">
        <v>251</v>
      </c>
      <c r="U13" s="1">
        <v>7</v>
      </c>
      <c r="V13" s="1" t="s">
        <v>521</v>
      </c>
      <c r="W13" s="1" t="s">
        <v>514</v>
      </c>
      <c r="X13" s="1">
        <v>0.16</v>
      </c>
      <c r="Y13" s="1">
        <v>8.9999999999999993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31</v>
      </c>
      <c r="BC13" s="1" t="s">
        <v>531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>
        <v>0.04</v>
      </c>
      <c r="BN13" s="1">
        <v>1E-3</v>
      </c>
      <c r="BO13" s="1"/>
      <c r="BP13" s="1"/>
      <c r="BQ13" s="1">
        <v>33.86</v>
      </c>
      <c r="BR13" s="1"/>
      <c r="BS13" s="1"/>
      <c r="BT13" s="1">
        <v>0.8</v>
      </c>
      <c r="BU13" s="1"/>
      <c r="BV13" s="1"/>
      <c r="BW13" s="1"/>
      <c r="BX13" s="1"/>
      <c r="BY13" s="1"/>
      <c r="BZ13" s="1"/>
    </row>
    <row r="14" spans="1:78" x14ac:dyDescent="0.15">
      <c r="B14" s="2">
        <v>0.40277777777777773</v>
      </c>
      <c r="C14" s="1" t="s">
        <v>485</v>
      </c>
      <c r="D14" s="1" t="s">
        <v>64</v>
      </c>
      <c r="E14" s="1" t="s">
        <v>53</v>
      </c>
      <c r="G14" s="1" t="s">
        <v>299</v>
      </c>
      <c r="J14" s="1" t="s">
        <v>379</v>
      </c>
      <c r="N14" s="1" t="s">
        <v>33</v>
      </c>
      <c r="P14" s="1" t="s">
        <v>35</v>
      </c>
      <c r="Q14" s="1" t="s">
        <v>40</v>
      </c>
      <c r="S14" s="1" t="s">
        <v>87</v>
      </c>
      <c r="U14" s="1">
        <v>6.2</v>
      </c>
      <c r="V14" s="1"/>
      <c r="W14" s="1"/>
      <c r="X14" s="1">
        <v>0.19</v>
      </c>
      <c r="Y14" s="1">
        <v>1.7999999999999999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31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6E-2</v>
      </c>
      <c r="BO14" s="1"/>
      <c r="BP14" s="1"/>
      <c r="BQ14" s="1">
        <v>34.5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0277777777777773</v>
      </c>
      <c r="C15" s="1" t="s">
        <v>551</v>
      </c>
      <c r="D15" s="1" t="s">
        <v>64</v>
      </c>
      <c r="E15" s="1" t="s">
        <v>53</v>
      </c>
      <c r="J15" s="1" t="s">
        <v>18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38541666666666669</v>
      </c>
      <c r="C16" s="1" t="s">
        <v>483</v>
      </c>
      <c r="D16" s="1" t="s">
        <v>73</v>
      </c>
      <c r="E16" s="1" t="s">
        <v>53</v>
      </c>
      <c r="F16" s="1" t="s">
        <v>305</v>
      </c>
      <c r="G16" s="1" t="s">
        <v>327</v>
      </c>
      <c r="J16" s="1" t="s">
        <v>30</v>
      </c>
      <c r="K16" s="1" t="s">
        <v>384</v>
      </c>
      <c r="M16" s="1" t="s">
        <v>36</v>
      </c>
      <c r="N16" s="1" t="s">
        <v>33</v>
      </c>
      <c r="O16" s="1" t="s">
        <v>273</v>
      </c>
      <c r="P16" s="1" t="s">
        <v>35</v>
      </c>
      <c r="Q16" s="1" t="s">
        <v>141</v>
      </c>
      <c r="S16" s="1" t="s">
        <v>77</v>
      </c>
      <c r="U16" s="1">
        <v>7.5</v>
      </c>
      <c r="V16" s="3">
        <v>790</v>
      </c>
      <c r="W16" s="1" t="s">
        <v>514</v>
      </c>
      <c r="X16" s="1">
        <v>0.33</v>
      </c>
      <c r="Y16" s="1">
        <v>2.1999999999999999E-2</v>
      </c>
      <c r="Z16" s="1">
        <v>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31</v>
      </c>
      <c r="BC16" s="1">
        <v>7.0000000000000007E-2</v>
      </c>
      <c r="BD16" s="1">
        <v>0.12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3.0000000000000001E-3</v>
      </c>
      <c r="BO16" s="1"/>
      <c r="BP16" s="1"/>
      <c r="BQ16" s="1">
        <v>29.28</v>
      </c>
      <c r="BR16" s="1" t="s">
        <v>537</v>
      </c>
      <c r="BS16" s="1"/>
      <c r="BT16" s="1">
        <v>2.7</v>
      </c>
      <c r="BU16" s="1"/>
      <c r="BV16" s="1"/>
      <c r="BW16" s="1"/>
      <c r="BX16" s="1"/>
      <c r="BY16" s="1"/>
      <c r="BZ16" s="1"/>
    </row>
    <row r="17" spans="1:78" x14ac:dyDescent="0.15">
      <c r="B17" s="2">
        <v>0.38541666666666669</v>
      </c>
      <c r="C17" s="1" t="s">
        <v>485</v>
      </c>
      <c r="D17" s="1" t="s">
        <v>73</v>
      </c>
      <c r="E17" s="1" t="s">
        <v>53</v>
      </c>
      <c r="G17" s="1" t="s">
        <v>54</v>
      </c>
      <c r="J17" s="1" t="s">
        <v>379</v>
      </c>
      <c r="N17" s="1" t="s">
        <v>33</v>
      </c>
      <c r="P17" s="1" t="s">
        <v>35</v>
      </c>
      <c r="Q17" s="1" t="s">
        <v>40</v>
      </c>
      <c r="S17" s="1" t="s">
        <v>87</v>
      </c>
      <c r="U17" s="1">
        <v>6</v>
      </c>
      <c r="V17" s="1"/>
      <c r="W17" s="1"/>
      <c r="X17" s="1">
        <v>0.26</v>
      </c>
      <c r="Y17" s="1">
        <v>3.7999999999999999E-2</v>
      </c>
      <c r="Z17" s="1">
        <v>3.000000000000000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31</v>
      </c>
      <c r="BC17" s="1">
        <v>0.1</v>
      </c>
      <c r="BD17" s="1">
        <v>0.15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3.6999999999999998E-2</v>
      </c>
      <c r="BO17" s="1"/>
      <c r="BP17" s="1"/>
      <c r="BQ17" s="1">
        <v>34.46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8541666666666669</v>
      </c>
      <c r="C18" s="1" t="s">
        <v>551</v>
      </c>
      <c r="D18" s="1" t="s">
        <v>73</v>
      </c>
      <c r="E18" s="1" t="s">
        <v>53</v>
      </c>
      <c r="J18" s="1" t="s">
        <v>188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 t="s">
        <v>515</v>
      </c>
      <c r="AD18" s="1" t="s">
        <v>516</v>
      </c>
      <c r="AE18" s="1" t="s">
        <v>517</v>
      </c>
      <c r="AF18" s="1" t="s">
        <v>522</v>
      </c>
      <c r="AG18" s="1">
        <v>3.5000000000000001E-3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7</v>
      </c>
      <c r="AZ18" s="1"/>
      <c r="BA18" s="1"/>
      <c r="BB18" s="1"/>
      <c r="BC18" s="1"/>
      <c r="BD18" s="1"/>
      <c r="BE18" s="1"/>
      <c r="BF18" s="1" t="s">
        <v>522</v>
      </c>
      <c r="BG18" s="1">
        <v>5.0000000000000001E-4</v>
      </c>
      <c r="BH18" s="1" t="s">
        <v>518</v>
      </c>
      <c r="BI18" s="1">
        <v>2.8999999999999998E-3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86</v>
      </c>
      <c r="B19" s="2">
        <v>0.37152777777777773</v>
      </c>
      <c r="C19" s="1" t="s">
        <v>483</v>
      </c>
      <c r="D19" s="1" t="s">
        <v>64</v>
      </c>
      <c r="E19" s="1" t="s">
        <v>341</v>
      </c>
      <c r="F19" s="1" t="s">
        <v>290</v>
      </c>
      <c r="G19" s="1" t="s">
        <v>151</v>
      </c>
      <c r="J19" s="1" t="s">
        <v>30</v>
      </c>
      <c r="K19" s="1" t="s">
        <v>389</v>
      </c>
      <c r="M19" s="1" t="s">
        <v>76</v>
      </c>
      <c r="N19" s="1" t="s">
        <v>33</v>
      </c>
      <c r="O19" s="1" t="s">
        <v>84</v>
      </c>
      <c r="P19" s="1" t="s">
        <v>35</v>
      </c>
      <c r="Q19" s="1" t="s">
        <v>58</v>
      </c>
      <c r="S19" s="1" t="s">
        <v>172</v>
      </c>
      <c r="U19" s="1">
        <v>6.9</v>
      </c>
      <c r="V19" s="3">
        <v>170</v>
      </c>
      <c r="W19" s="1" t="s">
        <v>514</v>
      </c>
      <c r="X19" s="1">
        <v>0.14000000000000001</v>
      </c>
      <c r="Y19" s="1">
        <v>1.6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31</v>
      </c>
      <c r="BC19" s="1" t="s">
        <v>531</v>
      </c>
      <c r="BD19" s="1" t="s">
        <v>529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2E-3</v>
      </c>
      <c r="BO19" s="1"/>
      <c r="BP19" s="1"/>
      <c r="BQ19" s="1">
        <v>33</v>
      </c>
      <c r="BR19" s="1"/>
      <c r="BS19" s="1"/>
      <c r="BT19" s="1">
        <v>1.7</v>
      </c>
      <c r="BU19" s="1"/>
      <c r="BV19" s="1"/>
      <c r="BW19" s="1"/>
      <c r="BX19" s="1"/>
      <c r="BY19" s="1"/>
      <c r="BZ19" s="1"/>
    </row>
    <row r="20" spans="1:78" x14ac:dyDescent="0.15">
      <c r="B20" s="2">
        <v>0.37152777777777773</v>
      </c>
      <c r="C20" s="1" t="s">
        <v>485</v>
      </c>
      <c r="D20" s="1" t="s">
        <v>64</v>
      </c>
      <c r="E20" s="1" t="s">
        <v>341</v>
      </c>
      <c r="G20" s="1" t="s">
        <v>401</v>
      </c>
      <c r="J20" s="1" t="s">
        <v>379</v>
      </c>
      <c r="N20" s="1" t="s">
        <v>33</v>
      </c>
      <c r="P20" s="1" t="s">
        <v>35</v>
      </c>
      <c r="Q20" s="1" t="s">
        <v>58</v>
      </c>
      <c r="S20" s="1" t="s">
        <v>93</v>
      </c>
      <c r="U20" s="1">
        <v>6.8</v>
      </c>
      <c r="V20" s="1"/>
      <c r="W20" s="1"/>
      <c r="X20" s="1">
        <v>0.11</v>
      </c>
      <c r="Y20" s="1">
        <v>1.299999999999999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31</v>
      </c>
      <c r="BC20" s="1" t="s">
        <v>531</v>
      </c>
      <c r="BD20" s="1" t="s">
        <v>529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3.0000000000000001E-3</v>
      </c>
      <c r="BO20" s="1"/>
      <c r="BP20" s="1"/>
      <c r="BQ20" s="1">
        <v>33.81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7152777777777773</v>
      </c>
      <c r="C21" s="1" t="s">
        <v>551</v>
      </c>
      <c r="D21" s="1" t="s">
        <v>64</v>
      </c>
      <c r="E21" s="1" t="s">
        <v>341</v>
      </c>
      <c r="J21" s="1" t="s">
        <v>18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375</v>
      </c>
      <c r="C22" s="1" t="s">
        <v>483</v>
      </c>
      <c r="D22" s="1" t="s">
        <v>304</v>
      </c>
      <c r="E22" s="1" t="s">
        <v>53</v>
      </c>
      <c r="F22" s="1" t="s">
        <v>60</v>
      </c>
      <c r="G22" s="1" t="s">
        <v>60</v>
      </c>
      <c r="J22" s="1" t="s">
        <v>30</v>
      </c>
      <c r="K22" s="1" t="s">
        <v>398</v>
      </c>
      <c r="M22" s="1" t="s">
        <v>250</v>
      </c>
      <c r="N22" s="1" t="s">
        <v>33</v>
      </c>
      <c r="O22" s="1" t="s">
        <v>273</v>
      </c>
      <c r="P22" s="1" t="s">
        <v>35</v>
      </c>
      <c r="Q22" s="1" t="s">
        <v>58</v>
      </c>
      <c r="S22" s="1" t="s">
        <v>47</v>
      </c>
      <c r="U22" s="1">
        <v>7.3</v>
      </c>
      <c r="V22" s="3">
        <v>2200</v>
      </c>
      <c r="W22" s="1" t="s">
        <v>514</v>
      </c>
      <c r="X22" s="1">
        <v>0.25</v>
      </c>
      <c r="Y22" s="1">
        <v>2.5000000000000001E-2</v>
      </c>
      <c r="Z22" s="1" t="s">
        <v>519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31</v>
      </c>
      <c r="BC22" s="1">
        <v>0.13</v>
      </c>
      <c r="BD22" s="1">
        <v>0.18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0.01</v>
      </c>
      <c r="BO22" s="1"/>
      <c r="BP22" s="1"/>
      <c r="BQ22" s="1">
        <v>29.04</v>
      </c>
      <c r="BR22" s="1" t="s">
        <v>537</v>
      </c>
      <c r="BS22" s="1"/>
      <c r="BT22" s="1">
        <v>1.5</v>
      </c>
      <c r="BU22" s="1"/>
      <c r="BV22" s="1"/>
      <c r="BW22" s="1"/>
      <c r="BX22" s="1"/>
      <c r="BY22" s="1"/>
      <c r="BZ22" s="1"/>
    </row>
    <row r="23" spans="1:78" x14ac:dyDescent="0.15">
      <c r="B23" s="2">
        <v>0.375</v>
      </c>
      <c r="C23" s="1" t="s">
        <v>485</v>
      </c>
      <c r="D23" s="1" t="s">
        <v>304</v>
      </c>
      <c r="E23" s="1" t="s">
        <v>53</v>
      </c>
      <c r="G23" s="1" t="s">
        <v>354</v>
      </c>
      <c r="J23" s="1" t="s">
        <v>379</v>
      </c>
      <c r="N23" s="1" t="s">
        <v>33</v>
      </c>
      <c r="P23" s="1" t="s">
        <v>35</v>
      </c>
      <c r="Q23" s="1" t="s">
        <v>40</v>
      </c>
      <c r="S23" s="1" t="s">
        <v>100</v>
      </c>
      <c r="U23" s="1">
        <v>5.9</v>
      </c>
      <c r="V23" s="1"/>
      <c r="W23" s="1"/>
      <c r="X23" s="1">
        <v>0.15</v>
      </c>
      <c r="Y23" s="1">
        <v>1.4999999999999999E-2</v>
      </c>
      <c r="Z23" s="1">
        <v>2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31</v>
      </c>
      <c r="BC23" s="1">
        <v>0.09</v>
      </c>
      <c r="BD23" s="1">
        <v>0.14000000000000001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4E-2</v>
      </c>
      <c r="BO23" s="1"/>
      <c r="BP23" s="1"/>
      <c r="BQ23" s="1">
        <v>34.56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75</v>
      </c>
      <c r="C24" s="1" t="s">
        <v>551</v>
      </c>
      <c r="D24" s="1" t="s">
        <v>304</v>
      </c>
      <c r="E24" s="1" t="s">
        <v>53</v>
      </c>
      <c r="J24" s="1" t="s">
        <v>18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22</v>
      </c>
      <c r="AG24" s="1">
        <v>3.7000000000000002E-3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37152777777777773</v>
      </c>
      <c r="C25" s="1" t="s">
        <v>483</v>
      </c>
      <c r="D25" s="1" t="s">
        <v>64</v>
      </c>
      <c r="E25" s="1" t="s">
        <v>484</v>
      </c>
      <c r="F25" s="1" t="s">
        <v>246</v>
      </c>
      <c r="G25" s="1" t="s">
        <v>402</v>
      </c>
      <c r="J25" s="1" t="s">
        <v>30</v>
      </c>
      <c r="K25" s="1" t="s">
        <v>389</v>
      </c>
      <c r="M25" s="1" t="s">
        <v>385</v>
      </c>
      <c r="N25" s="1" t="s">
        <v>33</v>
      </c>
      <c r="O25" s="1" t="s">
        <v>84</v>
      </c>
      <c r="P25" s="1" t="s">
        <v>35</v>
      </c>
      <c r="Q25" s="1" t="s">
        <v>58</v>
      </c>
      <c r="S25" s="1" t="s">
        <v>93</v>
      </c>
      <c r="U25" s="1">
        <v>7.3</v>
      </c>
      <c r="V25" s="3">
        <v>33</v>
      </c>
      <c r="W25" s="1" t="s">
        <v>514</v>
      </c>
      <c r="X25" s="1">
        <v>0.09</v>
      </c>
      <c r="Y25" s="1">
        <v>8.0000000000000002E-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31</v>
      </c>
      <c r="BC25" s="1" t="s">
        <v>531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3.0000000000000001E-3</v>
      </c>
      <c r="BO25" s="1"/>
      <c r="BP25" s="1"/>
      <c r="BQ25" s="1">
        <v>33.79</v>
      </c>
      <c r="BR25" s="1"/>
      <c r="BS25" s="1"/>
      <c r="BT25" s="1">
        <v>0.7</v>
      </c>
      <c r="BU25" s="1"/>
      <c r="BV25" s="1"/>
      <c r="BW25" s="1"/>
      <c r="BX25" s="1"/>
      <c r="BY25" s="1"/>
      <c r="BZ25" s="1"/>
    </row>
    <row r="26" spans="1:78" x14ac:dyDescent="0.15">
      <c r="B26" s="2">
        <v>0.37152777777777773</v>
      </c>
      <c r="C26" s="1" t="s">
        <v>485</v>
      </c>
      <c r="D26" s="1" t="s">
        <v>64</v>
      </c>
      <c r="E26" s="1" t="s">
        <v>484</v>
      </c>
      <c r="G26" s="1" t="s">
        <v>224</v>
      </c>
      <c r="J26" s="1" t="s">
        <v>379</v>
      </c>
      <c r="N26" s="1" t="s">
        <v>33</v>
      </c>
      <c r="P26" s="1" t="s">
        <v>35</v>
      </c>
      <c r="Q26" s="1" t="s">
        <v>58</v>
      </c>
      <c r="S26" s="1" t="s">
        <v>93</v>
      </c>
      <c r="U26" s="1">
        <v>7.1</v>
      </c>
      <c r="V26" s="1"/>
      <c r="W26" s="1"/>
      <c r="X26" s="1">
        <v>0.12</v>
      </c>
      <c r="Y26" s="1">
        <v>0.0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31</v>
      </c>
      <c r="BC26" s="1" t="s">
        <v>531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3.0000000000000001E-3</v>
      </c>
      <c r="BO26" s="1"/>
      <c r="BP26" s="1"/>
      <c r="BQ26" s="1">
        <v>34.1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7152777777777773</v>
      </c>
      <c r="C27" s="1" t="s">
        <v>551</v>
      </c>
      <c r="D27" s="1" t="s">
        <v>64</v>
      </c>
      <c r="E27" s="1" t="s">
        <v>484</v>
      </c>
      <c r="J27" s="1" t="s">
        <v>18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90</v>
      </c>
      <c r="B28" s="2">
        <v>0.4375</v>
      </c>
      <c r="C28" s="1" t="s">
        <v>483</v>
      </c>
      <c r="D28" s="1" t="s">
        <v>64</v>
      </c>
      <c r="E28" s="1" t="s">
        <v>53</v>
      </c>
      <c r="F28" s="1" t="s">
        <v>212</v>
      </c>
      <c r="G28" s="1" t="s">
        <v>104</v>
      </c>
      <c r="J28" s="1" t="s">
        <v>30</v>
      </c>
      <c r="K28" s="1" t="s">
        <v>398</v>
      </c>
      <c r="M28" s="1" t="s">
        <v>381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62</v>
      </c>
      <c r="U28" s="1">
        <v>7.5</v>
      </c>
      <c r="V28" s="3">
        <v>1300</v>
      </c>
      <c r="W28" s="1" t="s">
        <v>514</v>
      </c>
      <c r="X28" s="1">
        <v>0.21</v>
      </c>
      <c r="Y28" s="1">
        <v>0.02</v>
      </c>
      <c r="Z28" s="1">
        <v>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31</v>
      </c>
      <c r="BC28" s="1">
        <v>0.13</v>
      </c>
      <c r="BD28" s="1">
        <v>0.18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1.2E-2</v>
      </c>
      <c r="BO28" s="1"/>
      <c r="BP28" s="1"/>
      <c r="BQ28" s="1">
        <v>32.270000000000003</v>
      </c>
      <c r="BR28" s="1" t="s">
        <v>537</v>
      </c>
      <c r="BS28" s="1"/>
      <c r="BT28" s="1">
        <v>1.1000000000000001</v>
      </c>
      <c r="BU28" s="1"/>
      <c r="BV28" s="1"/>
      <c r="BW28" s="1"/>
      <c r="BX28" s="1"/>
      <c r="BY28" s="1"/>
      <c r="BZ28" s="1"/>
    </row>
    <row r="29" spans="1:78" x14ac:dyDescent="0.15">
      <c r="B29" s="2">
        <v>0.4375</v>
      </c>
      <c r="C29" s="1" t="s">
        <v>485</v>
      </c>
      <c r="D29" s="1" t="s">
        <v>64</v>
      </c>
      <c r="E29" s="1" t="s">
        <v>53</v>
      </c>
      <c r="G29" s="1" t="s">
        <v>246</v>
      </c>
      <c r="J29" s="1" t="s">
        <v>379</v>
      </c>
      <c r="N29" s="1" t="s">
        <v>33</v>
      </c>
      <c r="P29" s="1" t="s">
        <v>35</v>
      </c>
      <c r="Q29" s="1" t="s">
        <v>58</v>
      </c>
      <c r="S29" s="1" t="s">
        <v>100</v>
      </c>
      <c r="U29" s="1">
        <v>6.8</v>
      </c>
      <c r="V29" s="1"/>
      <c r="W29" s="1"/>
      <c r="X29" s="1">
        <v>0.13</v>
      </c>
      <c r="Y29" s="1">
        <v>1.2E-2</v>
      </c>
      <c r="Z29" s="1">
        <v>6.000000000000000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31</v>
      </c>
      <c r="BC29" s="1">
        <v>7.0000000000000007E-2</v>
      </c>
      <c r="BD29" s="1">
        <v>0.12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0000000000000002E-3</v>
      </c>
      <c r="BO29" s="1"/>
      <c r="BP29" s="1"/>
      <c r="BQ29" s="1">
        <v>34.24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375</v>
      </c>
      <c r="C30" s="1" t="s">
        <v>551</v>
      </c>
      <c r="D30" s="1" t="s">
        <v>64</v>
      </c>
      <c r="E30" s="1" t="s">
        <v>53</v>
      </c>
      <c r="J30" s="1" t="s">
        <v>188</v>
      </c>
      <c r="N30" s="1" t="s">
        <v>33</v>
      </c>
      <c r="U30" s="1"/>
      <c r="V30" s="1"/>
      <c r="W30" s="1"/>
      <c r="X30" s="1"/>
      <c r="Y30" s="1"/>
      <c r="Z30" s="1"/>
      <c r="AC30" s="1" t="s">
        <v>515</v>
      </c>
      <c r="AD30" s="1" t="s">
        <v>516</v>
      </c>
      <c r="AE30" s="1" t="s">
        <v>517</v>
      </c>
      <c r="AF30" s="1" t="s">
        <v>522</v>
      </c>
      <c r="AG30" s="1">
        <v>1.6999999999999999E-3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92</v>
      </c>
      <c r="B31" s="2">
        <v>0.37152777777777773</v>
      </c>
      <c r="C31" s="1" t="s">
        <v>483</v>
      </c>
      <c r="D31" s="1" t="s">
        <v>64</v>
      </c>
      <c r="E31" s="1" t="s">
        <v>53</v>
      </c>
      <c r="F31" s="1" t="s">
        <v>337</v>
      </c>
      <c r="G31" s="1" t="s">
        <v>216</v>
      </c>
      <c r="J31" s="1" t="s">
        <v>30</v>
      </c>
      <c r="K31" s="1" t="s">
        <v>382</v>
      </c>
      <c r="M31" s="1" t="s">
        <v>403</v>
      </c>
      <c r="N31" s="1" t="s">
        <v>33</v>
      </c>
      <c r="O31" s="1" t="s">
        <v>336</v>
      </c>
      <c r="P31" s="1" t="s">
        <v>35</v>
      </c>
      <c r="Q31" s="1" t="s">
        <v>40</v>
      </c>
      <c r="S31" s="1" t="s">
        <v>158</v>
      </c>
      <c r="U31" s="1">
        <v>7.5</v>
      </c>
      <c r="V31" s="3">
        <v>27</v>
      </c>
      <c r="W31" s="1" t="s">
        <v>514</v>
      </c>
      <c r="X31" s="1">
        <v>0.17</v>
      </c>
      <c r="Y31" s="1">
        <v>1.2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31</v>
      </c>
      <c r="BC31" s="1">
        <v>7.0000000000000007E-2</v>
      </c>
      <c r="BD31" s="1">
        <v>0.12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0999999999999999E-2</v>
      </c>
      <c r="BO31" s="1"/>
      <c r="BP31" s="1"/>
      <c r="BQ31" s="1">
        <v>34.58</v>
      </c>
      <c r="BR31" s="1"/>
      <c r="BS31" s="1"/>
      <c r="BT31" s="1">
        <v>0.2</v>
      </c>
      <c r="BU31" s="1"/>
      <c r="BV31" s="1"/>
      <c r="BW31" s="1"/>
      <c r="BX31" s="1"/>
      <c r="BY31" s="1"/>
      <c r="BZ31" s="1"/>
    </row>
    <row r="32" spans="1:78" x14ac:dyDescent="0.15">
      <c r="B32" s="2">
        <v>0.37152777777777773</v>
      </c>
      <c r="C32" s="1" t="s">
        <v>485</v>
      </c>
      <c r="D32" s="1" t="s">
        <v>64</v>
      </c>
      <c r="E32" s="1" t="s">
        <v>53</v>
      </c>
      <c r="G32" s="1" t="s">
        <v>216</v>
      </c>
      <c r="J32" s="1" t="s">
        <v>379</v>
      </c>
      <c r="N32" s="1" t="s">
        <v>33</v>
      </c>
      <c r="P32" s="1" t="s">
        <v>35</v>
      </c>
      <c r="Q32" s="1" t="s">
        <v>40</v>
      </c>
      <c r="S32" s="1" t="s">
        <v>158</v>
      </c>
      <c r="U32" s="1">
        <v>7.4</v>
      </c>
      <c r="V32" s="1"/>
      <c r="W32" s="1"/>
      <c r="X32" s="1">
        <v>0.15</v>
      </c>
      <c r="Y32" s="1">
        <v>1.0999999999999999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31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0.01</v>
      </c>
      <c r="BO32" s="1"/>
      <c r="BP32" s="1"/>
      <c r="BQ32" s="1">
        <v>34.58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7152777777777773</v>
      </c>
      <c r="C33" s="1" t="s">
        <v>551</v>
      </c>
      <c r="D33" s="1" t="s">
        <v>64</v>
      </c>
      <c r="E33" s="1" t="s">
        <v>53</v>
      </c>
      <c r="J33" s="1" t="s">
        <v>18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3888888888888889</v>
      </c>
      <c r="C34" s="1" t="s">
        <v>483</v>
      </c>
      <c r="D34" s="1" t="s">
        <v>113</v>
      </c>
      <c r="E34" s="1" t="s">
        <v>53</v>
      </c>
      <c r="F34" s="1" t="s">
        <v>91</v>
      </c>
      <c r="G34" s="1" t="s">
        <v>152</v>
      </c>
      <c r="J34" s="1" t="s">
        <v>30</v>
      </c>
      <c r="K34" s="1" t="s">
        <v>382</v>
      </c>
      <c r="M34" s="1" t="s">
        <v>395</v>
      </c>
      <c r="N34" s="1" t="s">
        <v>33</v>
      </c>
      <c r="O34" s="1" t="s">
        <v>336</v>
      </c>
      <c r="P34" s="1" t="s">
        <v>35</v>
      </c>
      <c r="Q34" s="1" t="s">
        <v>40</v>
      </c>
      <c r="S34" s="1" t="s">
        <v>251</v>
      </c>
      <c r="U34" s="1">
        <v>7.8</v>
      </c>
      <c r="V34" s="3">
        <v>49</v>
      </c>
      <c r="W34" s="1" t="s">
        <v>514</v>
      </c>
      <c r="X34" s="1">
        <v>0.45</v>
      </c>
      <c r="Y34" s="1">
        <v>4.1000000000000002E-2</v>
      </c>
      <c r="Z34" s="1">
        <v>1E-3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31</v>
      </c>
      <c r="BC34" s="1">
        <v>0.36</v>
      </c>
      <c r="BD34" s="1">
        <v>0.41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3.7999999999999999E-2</v>
      </c>
      <c r="BO34" s="1"/>
      <c r="BP34" s="1"/>
      <c r="BQ34" s="1">
        <v>28.81</v>
      </c>
      <c r="BR34" s="1" t="s">
        <v>537</v>
      </c>
      <c r="BS34" s="1"/>
      <c r="BT34" s="1">
        <v>1.1000000000000001</v>
      </c>
      <c r="BU34" s="1"/>
      <c r="BV34" s="1"/>
      <c r="BW34" s="1"/>
      <c r="BX34" s="1"/>
      <c r="BY34" s="1"/>
      <c r="BZ34" s="1"/>
    </row>
    <row r="35" spans="1:78" x14ac:dyDescent="0.15">
      <c r="B35" s="2">
        <v>0.3888888888888889</v>
      </c>
      <c r="C35" s="1" t="s">
        <v>485</v>
      </c>
      <c r="D35" s="1" t="s">
        <v>113</v>
      </c>
      <c r="E35" s="1" t="s">
        <v>53</v>
      </c>
      <c r="G35" s="1" t="s">
        <v>152</v>
      </c>
      <c r="J35" s="1" t="s">
        <v>379</v>
      </c>
      <c r="N35" s="1" t="s">
        <v>33</v>
      </c>
      <c r="P35" s="1" t="s">
        <v>35</v>
      </c>
      <c r="Q35" s="1" t="s">
        <v>40</v>
      </c>
      <c r="S35" s="1" t="s">
        <v>87</v>
      </c>
      <c r="U35" s="1">
        <v>7.6</v>
      </c>
      <c r="V35" s="1"/>
      <c r="W35" s="1"/>
      <c r="X35" s="1">
        <v>0.14000000000000001</v>
      </c>
      <c r="Y35" s="1">
        <v>1.2999999999999999E-2</v>
      </c>
      <c r="Z35" s="1">
        <v>1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31</v>
      </c>
      <c r="BC35" s="1">
        <v>7.0000000000000007E-2</v>
      </c>
      <c r="BD35" s="1">
        <v>0.12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1.0999999999999999E-2</v>
      </c>
      <c r="BO35" s="1"/>
      <c r="BP35" s="1"/>
      <c r="BQ35" s="1">
        <v>34.54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888888888888889</v>
      </c>
      <c r="C36" s="1" t="s">
        <v>551</v>
      </c>
      <c r="D36" s="1" t="s">
        <v>113</v>
      </c>
      <c r="E36" s="1" t="s">
        <v>53</v>
      </c>
      <c r="J36" s="1" t="s">
        <v>188</v>
      </c>
      <c r="N36" s="1" t="s">
        <v>33</v>
      </c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22</v>
      </c>
      <c r="AG36" s="1">
        <v>1.4E-3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7</v>
      </c>
      <c r="AZ36" s="1"/>
      <c r="BA36" s="1"/>
      <c r="BB36" s="1"/>
      <c r="BC36" s="1"/>
      <c r="BD36" s="1"/>
      <c r="BF36" s="1" t="s">
        <v>522</v>
      </c>
      <c r="BG36" s="1">
        <v>6.9999999999999999E-4</v>
      </c>
      <c r="BH36" s="1" t="s">
        <v>518</v>
      </c>
      <c r="BI36" s="1">
        <v>1.6999999999999999E-3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396</v>
      </c>
      <c r="B37" s="2">
        <v>0.4201388888888889</v>
      </c>
      <c r="C37" s="1" t="s">
        <v>483</v>
      </c>
      <c r="D37" s="1" t="s">
        <v>64</v>
      </c>
      <c r="E37" s="1" t="s">
        <v>484</v>
      </c>
      <c r="F37" s="1" t="s">
        <v>397</v>
      </c>
      <c r="G37" s="1" t="s">
        <v>149</v>
      </c>
      <c r="J37" s="1" t="s">
        <v>30</v>
      </c>
      <c r="K37" s="1" t="s">
        <v>389</v>
      </c>
      <c r="M37" s="1" t="s">
        <v>385</v>
      </c>
      <c r="N37" s="1" t="s">
        <v>33</v>
      </c>
      <c r="O37" s="1" t="s">
        <v>34</v>
      </c>
      <c r="P37" s="1" t="s">
        <v>35</v>
      </c>
      <c r="Q37" s="1" t="s">
        <v>58</v>
      </c>
      <c r="S37" s="1" t="s">
        <v>100</v>
      </c>
      <c r="U37" s="1">
        <v>8.1</v>
      </c>
      <c r="V37" s="3">
        <v>7</v>
      </c>
      <c r="W37" s="1" t="s">
        <v>514</v>
      </c>
      <c r="X37" s="1">
        <v>0.15</v>
      </c>
      <c r="Y37" s="1">
        <v>1.4999999999999999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531</v>
      </c>
      <c r="BC37" s="1">
        <v>0.06</v>
      </c>
      <c r="BD37" s="1">
        <v>0.11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8.0000000000000002E-3</v>
      </c>
      <c r="BO37" s="1"/>
      <c r="BP37" s="1"/>
      <c r="BQ37" s="1">
        <v>34.47</v>
      </c>
      <c r="BR37" s="1"/>
      <c r="BS37" s="1"/>
      <c r="BT37" s="1">
        <v>0.9</v>
      </c>
      <c r="BU37" s="1"/>
      <c r="BV37" s="1"/>
      <c r="BW37" s="1"/>
      <c r="BX37" s="1"/>
      <c r="BY37" s="1"/>
      <c r="BZ37" s="1"/>
    </row>
    <row r="38" spans="1:78" x14ac:dyDescent="0.15">
      <c r="B38" s="2">
        <v>0.4201388888888889</v>
      </c>
      <c r="C38" s="1" t="s">
        <v>485</v>
      </c>
      <c r="D38" s="1" t="s">
        <v>64</v>
      </c>
      <c r="E38" s="1" t="s">
        <v>484</v>
      </c>
      <c r="G38" s="1" t="s">
        <v>169</v>
      </c>
      <c r="J38" s="1" t="s">
        <v>379</v>
      </c>
      <c r="N38" s="1" t="s">
        <v>33</v>
      </c>
      <c r="P38" s="1" t="s">
        <v>35</v>
      </c>
      <c r="Q38" s="1" t="s">
        <v>40</v>
      </c>
      <c r="S38" s="1" t="s">
        <v>158</v>
      </c>
      <c r="U38" s="1">
        <v>7.7</v>
      </c>
      <c r="V38" s="1"/>
      <c r="W38" s="1"/>
      <c r="X38" s="1">
        <v>0.14000000000000001</v>
      </c>
      <c r="Y38" s="1">
        <v>1.4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 t="s">
        <v>531</v>
      </c>
      <c r="BC38" s="1">
        <v>0.08</v>
      </c>
      <c r="BD38" s="1">
        <v>0.13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1.0999999999999999E-2</v>
      </c>
      <c r="BO38" s="1"/>
      <c r="BP38" s="1"/>
      <c r="BQ38" s="1">
        <v>34.619999999999997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4201388888888889</v>
      </c>
      <c r="C39" s="1" t="s">
        <v>551</v>
      </c>
      <c r="D39" s="1" t="s">
        <v>64</v>
      </c>
      <c r="E39" s="1" t="s">
        <v>484</v>
      </c>
      <c r="J39" s="1" t="s">
        <v>188</v>
      </c>
      <c r="N39" s="1" t="s">
        <v>33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8</v>
      </c>
      <c r="E1" s="1" t="s">
        <v>2</v>
      </c>
      <c r="F1" s="1" t="s">
        <v>474</v>
      </c>
      <c r="G1" s="1" t="s">
        <v>3</v>
      </c>
      <c r="H1" s="1" t="s">
        <v>506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2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4375</v>
      </c>
      <c r="C4" s="1" t="s">
        <v>483</v>
      </c>
      <c r="D4" s="1" t="s">
        <v>27</v>
      </c>
      <c r="E4" s="1" t="s">
        <v>341</v>
      </c>
      <c r="F4" s="1" t="s">
        <v>294</v>
      </c>
      <c r="G4" s="1" t="s">
        <v>229</v>
      </c>
      <c r="J4" s="1" t="s">
        <v>30</v>
      </c>
      <c r="K4" s="1" t="s">
        <v>404</v>
      </c>
      <c r="M4" s="1" t="s">
        <v>239</v>
      </c>
      <c r="N4" s="1" t="s">
        <v>33</v>
      </c>
      <c r="O4" s="1" t="s">
        <v>273</v>
      </c>
      <c r="P4" s="1" t="s">
        <v>35</v>
      </c>
      <c r="Q4" s="1" t="s">
        <v>40</v>
      </c>
      <c r="S4" s="1" t="s">
        <v>251</v>
      </c>
      <c r="U4" s="1">
        <v>8.1999999999999993</v>
      </c>
      <c r="V4" s="3">
        <v>110</v>
      </c>
      <c r="W4" s="1" t="s">
        <v>514</v>
      </c>
      <c r="X4" s="1">
        <v>0.26</v>
      </c>
      <c r="Y4" s="1">
        <v>1.7999999999999999E-2</v>
      </c>
      <c r="Z4" s="1">
        <v>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31</v>
      </c>
      <c r="BC4" s="1">
        <v>0.11</v>
      </c>
      <c r="BD4" s="1">
        <v>0.16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1.2E-2</v>
      </c>
      <c r="BO4" s="1"/>
      <c r="BP4" s="1"/>
      <c r="BQ4" s="1">
        <v>33.07</v>
      </c>
      <c r="BR4" s="1" t="s">
        <v>537</v>
      </c>
      <c r="BS4" s="1"/>
      <c r="BT4" s="1">
        <v>2.6</v>
      </c>
      <c r="BU4" s="1"/>
      <c r="BV4" s="1"/>
      <c r="BW4" s="1"/>
      <c r="BX4" s="1"/>
      <c r="BY4" s="1"/>
      <c r="BZ4" s="1"/>
    </row>
    <row r="5" spans="1:78" x14ac:dyDescent="0.15">
      <c r="B5" s="2">
        <v>0.34375</v>
      </c>
      <c r="C5" s="1" t="s">
        <v>485</v>
      </c>
      <c r="D5" s="1" t="s">
        <v>27</v>
      </c>
      <c r="E5" s="1" t="s">
        <v>341</v>
      </c>
      <c r="G5" s="1" t="s">
        <v>156</v>
      </c>
      <c r="J5" s="1" t="s">
        <v>379</v>
      </c>
      <c r="N5" s="1" t="s">
        <v>33</v>
      </c>
      <c r="P5" s="1" t="s">
        <v>35</v>
      </c>
      <c r="Q5" s="1" t="s">
        <v>40</v>
      </c>
      <c r="S5" s="1" t="s">
        <v>93</v>
      </c>
      <c r="U5" s="1">
        <v>7.5</v>
      </c>
      <c r="V5" s="1"/>
      <c r="W5" s="1"/>
      <c r="X5" s="1">
        <v>0.19</v>
      </c>
      <c r="Y5" s="1">
        <v>1.9E-2</v>
      </c>
      <c r="Z5" s="1">
        <v>4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31</v>
      </c>
      <c r="BC5" s="1">
        <v>7.0000000000000007E-2</v>
      </c>
      <c r="BD5" s="1">
        <v>0.12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0999999999999999E-2</v>
      </c>
      <c r="BO5" s="1"/>
      <c r="BP5" s="1"/>
      <c r="BQ5" s="1">
        <v>34.5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B6" s="2">
        <v>0.34375</v>
      </c>
      <c r="C6" s="1" t="s">
        <v>551</v>
      </c>
      <c r="D6" s="1" t="s">
        <v>27</v>
      </c>
      <c r="E6" s="1" t="s">
        <v>341</v>
      </c>
      <c r="J6" s="1" t="s">
        <v>188</v>
      </c>
      <c r="N6" s="1" t="s">
        <v>33</v>
      </c>
      <c r="U6" s="1"/>
      <c r="V6" s="1"/>
      <c r="W6" s="1"/>
      <c r="X6" s="1"/>
      <c r="Y6" s="1"/>
      <c r="Z6" s="1"/>
      <c r="AA6" s="1"/>
      <c r="AB6" s="1"/>
      <c r="AC6" s="1" t="s">
        <v>515</v>
      </c>
      <c r="AD6" s="1" t="s">
        <v>516</v>
      </c>
      <c r="AE6" s="1" t="s">
        <v>517</v>
      </c>
      <c r="AF6" s="1" t="s">
        <v>522</v>
      </c>
      <c r="AG6" s="1">
        <v>1.8E-3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174</v>
      </c>
      <c r="B7" s="2">
        <v>0.37847222222222227</v>
      </c>
      <c r="C7" s="1" t="s">
        <v>483</v>
      </c>
      <c r="D7" s="1" t="s">
        <v>64</v>
      </c>
      <c r="E7" s="1" t="s">
        <v>95</v>
      </c>
      <c r="F7" s="1" t="s">
        <v>161</v>
      </c>
      <c r="G7" s="1" t="s">
        <v>43</v>
      </c>
      <c r="J7" s="1" t="s">
        <v>30</v>
      </c>
      <c r="K7" s="1" t="s">
        <v>405</v>
      </c>
      <c r="M7" s="1" t="s">
        <v>49</v>
      </c>
      <c r="N7" s="1" t="s">
        <v>33</v>
      </c>
      <c r="O7" s="1" t="s">
        <v>84</v>
      </c>
      <c r="P7" s="1" t="s">
        <v>35</v>
      </c>
      <c r="Q7" s="1" t="s">
        <v>58</v>
      </c>
      <c r="S7" s="1" t="s">
        <v>62</v>
      </c>
      <c r="U7" s="1">
        <v>8</v>
      </c>
      <c r="V7" s="3">
        <v>220</v>
      </c>
      <c r="W7" s="1" t="s">
        <v>514</v>
      </c>
      <c r="X7" s="1">
        <v>0.2</v>
      </c>
      <c r="Y7" s="1">
        <v>1.6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31</v>
      </c>
      <c r="BC7" s="1">
        <v>0.05</v>
      </c>
      <c r="BD7" s="1">
        <v>0.1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6.0000000000000001E-3</v>
      </c>
      <c r="BO7" s="1"/>
      <c r="BP7" s="1"/>
      <c r="BQ7" s="1">
        <v>33.03</v>
      </c>
      <c r="BR7" s="1"/>
      <c r="BS7" s="1"/>
      <c r="BT7" s="1">
        <v>0.8</v>
      </c>
      <c r="BU7" s="1"/>
      <c r="BV7" s="1"/>
      <c r="BW7" s="1"/>
      <c r="BX7" s="1"/>
      <c r="BY7" s="1"/>
      <c r="BZ7" s="1"/>
    </row>
    <row r="8" spans="1:78" x14ac:dyDescent="0.15">
      <c r="B8" s="2">
        <v>0.37847222222222227</v>
      </c>
      <c r="C8" s="1" t="s">
        <v>485</v>
      </c>
      <c r="D8" s="1" t="s">
        <v>64</v>
      </c>
      <c r="E8" s="1" t="s">
        <v>95</v>
      </c>
      <c r="G8" s="1" t="s">
        <v>270</v>
      </c>
      <c r="J8" s="1" t="s">
        <v>379</v>
      </c>
      <c r="N8" s="1" t="s">
        <v>33</v>
      </c>
      <c r="P8" s="1" t="s">
        <v>35</v>
      </c>
      <c r="Q8" s="1" t="s">
        <v>40</v>
      </c>
      <c r="S8" s="1" t="s">
        <v>100</v>
      </c>
      <c r="U8" s="1">
        <v>6.9</v>
      </c>
      <c r="V8" s="1"/>
      <c r="W8" s="1"/>
      <c r="X8" s="1">
        <v>0.19</v>
      </c>
      <c r="Y8" s="1">
        <v>2.1000000000000001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31</v>
      </c>
      <c r="BC8" s="1">
        <v>0.11</v>
      </c>
      <c r="BD8" s="1">
        <v>0.16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1.6E-2</v>
      </c>
      <c r="BO8" s="1"/>
      <c r="BP8" s="1"/>
      <c r="BQ8" s="1">
        <v>34.54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37847222222222227</v>
      </c>
      <c r="C9" s="1" t="s">
        <v>551</v>
      </c>
      <c r="D9" s="1" t="s">
        <v>64</v>
      </c>
      <c r="E9" s="1" t="s">
        <v>95</v>
      </c>
      <c r="J9" s="1" t="s">
        <v>188</v>
      </c>
      <c r="N9" s="1" t="s">
        <v>33</v>
      </c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4722222222222227</v>
      </c>
      <c r="C10" s="1" t="s">
        <v>483</v>
      </c>
      <c r="D10" s="1" t="s">
        <v>113</v>
      </c>
      <c r="E10" s="1" t="s">
        <v>53</v>
      </c>
      <c r="F10" s="1" t="s">
        <v>276</v>
      </c>
      <c r="G10" s="1" t="s">
        <v>248</v>
      </c>
      <c r="J10" s="1" t="s">
        <v>30</v>
      </c>
      <c r="K10" s="1" t="s">
        <v>405</v>
      </c>
      <c r="M10" s="1" t="s">
        <v>239</v>
      </c>
      <c r="N10" s="1" t="s">
        <v>33</v>
      </c>
      <c r="O10" s="1" t="s">
        <v>34</v>
      </c>
      <c r="P10" s="1" t="s">
        <v>35</v>
      </c>
      <c r="Q10" s="1" t="s">
        <v>141</v>
      </c>
      <c r="S10" s="1" t="s">
        <v>400</v>
      </c>
      <c r="U10" s="1">
        <v>8.6999999999999993</v>
      </c>
      <c r="V10" s="3">
        <v>2</v>
      </c>
      <c r="W10" s="1" t="s">
        <v>514</v>
      </c>
      <c r="X10" s="1">
        <v>0.2</v>
      </c>
      <c r="Y10" s="1">
        <v>1.2999999999999999E-2</v>
      </c>
      <c r="Z10" s="1">
        <v>3.000000000000000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31</v>
      </c>
      <c r="BC10" s="1" t="s">
        <v>531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 t="s">
        <v>519</v>
      </c>
      <c r="BO10" s="1"/>
      <c r="BP10" s="1"/>
      <c r="BQ10" s="1">
        <v>33.11</v>
      </c>
      <c r="BR10" s="1">
        <v>0.03</v>
      </c>
      <c r="BS10" s="1"/>
      <c r="BT10" s="1">
        <v>2.6</v>
      </c>
      <c r="BU10" s="1"/>
      <c r="BV10" s="1"/>
      <c r="BW10" s="1"/>
      <c r="BX10" s="1"/>
      <c r="BY10" s="1"/>
      <c r="BZ10" s="1"/>
    </row>
    <row r="11" spans="1:78" x14ac:dyDescent="0.15">
      <c r="B11" s="2">
        <v>0.34722222222222227</v>
      </c>
      <c r="C11" s="1" t="s">
        <v>485</v>
      </c>
      <c r="D11" s="1" t="s">
        <v>113</v>
      </c>
      <c r="E11" s="1" t="s">
        <v>53</v>
      </c>
      <c r="G11" s="1" t="s">
        <v>342</v>
      </c>
      <c r="J11" s="1" t="s">
        <v>379</v>
      </c>
      <c r="N11" s="1" t="s">
        <v>33</v>
      </c>
      <c r="P11" s="1" t="s">
        <v>35</v>
      </c>
      <c r="Q11" s="1" t="s">
        <v>36</v>
      </c>
      <c r="S11" s="1" t="s">
        <v>41</v>
      </c>
      <c r="U11" s="1">
        <v>6.1</v>
      </c>
      <c r="V11" s="1"/>
      <c r="W11" s="1"/>
      <c r="X11" s="1">
        <v>0.21</v>
      </c>
      <c r="Y11" s="1">
        <v>2.1999999999999999E-2</v>
      </c>
      <c r="Z11" s="1">
        <v>3.000000000000000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31</v>
      </c>
      <c r="BC11" s="1">
        <v>0.13</v>
      </c>
      <c r="BD11" s="1">
        <v>0.18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1.9E-2</v>
      </c>
      <c r="BO11" s="1"/>
      <c r="BP11" s="1"/>
      <c r="BQ11" s="1">
        <v>34.40999999999999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4722222222222227</v>
      </c>
      <c r="C12" s="1" t="s">
        <v>551</v>
      </c>
      <c r="D12" s="1" t="s">
        <v>113</v>
      </c>
      <c r="E12" s="1" t="s">
        <v>53</v>
      </c>
      <c r="J12" s="1" t="s">
        <v>18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 t="s">
        <v>515</v>
      </c>
      <c r="AD12" s="1" t="s">
        <v>516</v>
      </c>
      <c r="AE12" s="1" t="s">
        <v>517</v>
      </c>
      <c r="AF12" s="1" t="s">
        <v>522</v>
      </c>
      <c r="AG12" s="1">
        <v>2.5000000000000001E-3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36458333333333331</v>
      </c>
      <c r="C13" s="1" t="s">
        <v>483</v>
      </c>
      <c r="D13" s="1" t="s">
        <v>64</v>
      </c>
      <c r="E13" s="1" t="s">
        <v>53</v>
      </c>
      <c r="F13" s="1" t="s">
        <v>153</v>
      </c>
      <c r="G13" s="1" t="s">
        <v>248</v>
      </c>
      <c r="J13" s="1" t="s">
        <v>30</v>
      </c>
      <c r="K13" s="1" t="s">
        <v>405</v>
      </c>
      <c r="M13" s="1" t="s">
        <v>391</v>
      </c>
      <c r="N13" s="1" t="s">
        <v>33</v>
      </c>
      <c r="O13" s="1" t="s">
        <v>336</v>
      </c>
      <c r="P13" s="1" t="s">
        <v>35</v>
      </c>
      <c r="Q13" s="1" t="s">
        <v>58</v>
      </c>
      <c r="S13" s="1" t="s">
        <v>172</v>
      </c>
      <c r="U13" s="1">
        <v>7.4</v>
      </c>
      <c r="V13" s="3">
        <v>5</v>
      </c>
      <c r="W13" s="1" t="s">
        <v>514</v>
      </c>
      <c r="X13" s="1">
        <v>0.16</v>
      </c>
      <c r="Y13" s="1">
        <v>8.0000000000000002E-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31</v>
      </c>
      <c r="BC13" s="1" t="s">
        <v>531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 t="s">
        <v>519</v>
      </c>
      <c r="BO13" s="1"/>
      <c r="BP13" s="1"/>
      <c r="BQ13" s="1">
        <v>33.950000000000003</v>
      </c>
      <c r="BR13" s="1"/>
      <c r="BS13" s="1"/>
      <c r="BT13" s="1">
        <v>0.9</v>
      </c>
      <c r="BU13" s="1"/>
      <c r="BV13" s="1"/>
      <c r="BW13" s="1"/>
      <c r="BX13" s="1"/>
      <c r="BY13" s="1"/>
      <c r="BZ13" s="1"/>
    </row>
    <row r="14" spans="1:78" x14ac:dyDescent="0.15">
      <c r="B14" s="2">
        <v>0.36458333333333331</v>
      </c>
      <c r="C14" s="1" t="s">
        <v>485</v>
      </c>
      <c r="D14" s="1" t="s">
        <v>64</v>
      </c>
      <c r="E14" s="1" t="s">
        <v>53</v>
      </c>
      <c r="G14" s="1" t="s">
        <v>406</v>
      </c>
      <c r="J14" s="1" t="s">
        <v>379</v>
      </c>
      <c r="N14" s="1" t="s">
        <v>33</v>
      </c>
      <c r="P14" s="1" t="s">
        <v>35</v>
      </c>
      <c r="Q14" s="1" t="s">
        <v>40</v>
      </c>
      <c r="S14" s="1" t="s">
        <v>93</v>
      </c>
      <c r="U14" s="1">
        <v>6.2</v>
      </c>
      <c r="V14" s="1"/>
      <c r="W14" s="1"/>
      <c r="X14" s="1">
        <v>0.17</v>
      </c>
      <c r="Y14" s="1">
        <v>1.6E-2</v>
      </c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31</v>
      </c>
      <c r="BC14" s="1">
        <v>0.08</v>
      </c>
      <c r="BD14" s="1">
        <v>0.13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2E-2</v>
      </c>
      <c r="BO14" s="1"/>
      <c r="BP14" s="1"/>
      <c r="BQ14" s="1">
        <v>34.22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6458333333333331</v>
      </c>
      <c r="C15" s="1" t="s">
        <v>551</v>
      </c>
      <c r="D15" s="1" t="s">
        <v>64</v>
      </c>
      <c r="E15" s="1" t="s">
        <v>53</v>
      </c>
      <c r="J15" s="1" t="s">
        <v>18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35416666666666669</v>
      </c>
      <c r="C16" s="1" t="s">
        <v>483</v>
      </c>
      <c r="D16" s="1" t="s">
        <v>73</v>
      </c>
      <c r="E16" s="1" t="s">
        <v>53</v>
      </c>
      <c r="F16" s="1" t="s">
        <v>407</v>
      </c>
      <c r="G16" s="1" t="s">
        <v>327</v>
      </c>
      <c r="J16" s="1" t="s">
        <v>30</v>
      </c>
      <c r="K16" s="1" t="s">
        <v>404</v>
      </c>
      <c r="M16" s="1" t="s">
        <v>239</v>
      </c>
      <c r="N16" s="1" t="s">
        <v>33</v>
      </c>
      <c r="O16" s="1" t="s">
        <v>273</v>
      </c>
      <c r="P16" s="1" t="s">
        <v>35</v>
      </c>
      <c r="Q16" s="1" t="s">
        <v>68</v>
      </c>
      <c r="S16" s="1" t="s">
        <v>71</v>
      </c>
      <c r="U16" s="1">
        <v>8.5</v>
      </c>
      <c r="V16" s="3">
        <v>22</v>
      </c>
      <c r="W16" s="1" t="s">
        <v>514</v>
      </c>
      <c r="X16" s="1">
        <v>0.27</v>
      </c>
      <c r="Y16" s="1">
        <v>1.7000000000000001E-2</v>
      </c>
      <c r="Z16" s="1">
        <v>1E-3</v>
      </c>
      <c r="AA16" s="1" t="s">
        <v>552</v>
      </c>
      <c r="AB16" s="1" t="s">
        <v>532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31</v>
      </c>
      <c r="BC16" s="1" t="s">
        <v>531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 t="s">
        <v>519</v>
      </c>
      <c r="BO16" s="1"/>
      <c r="BP16" s="1"/>
      <c r="BQ16" s="1">
        <v>29.81</v>
      </c>
      <c r="BR16" s="1" t="s">
        <v>537</v>
      </c>
      <c r="BS16" s="1"/>
      <c r="BT16" s="1">
        <v>6.5</v>
      </c>
      <c r="BU16" s="1"/>
      <c r="BV16" s="1"/>
      <c r="BW16" s="1"/>
      <c r="BX16" s="1"/>
      <c r="BY16" s="1"/>
      <c r="BZ16" s="1"/>
    </row>
    <row r="17" spans="1:78" x14ac:dyDescent="0.15">
      <c r="B17" s="2">
        <v>0.35416666666666669</v>
      </c>
      <c r="C17" s="1" t="s">
        <v>485</v>
      </c>
      <c r="D17" s="1" t="s">
        <v>73</v>
      </c>
      <c r="E17" s="1" t="s">
        <v>53</v>
      </c>
      <c r="G17" s="1" t="s">
        <v>402</v>
      </c>
      <c r="J17" s="1" t="s">
        <v>379</v>
      </c>
      <c r="N17" s="1" t="s">
        <v>33</v>
      </c>
      <c r="P17" s="1" t="s">
        <v>35</v>
      </c>
      <c r="Q17" s="1" t="s">
        <v>40</v>
      </c>
      <c r="S17" s="1" t="s">
        <v>41</v>
      </c>
      <c r="U17" s="1">
        <v>6</v>
      </c>
      <c r="V17" s="1"/>
      <c r="W17" s="1"/>
      <c r="X17" s="1">
        <v>0.19</v>
      </c>
      <c r="Y17" s="1">
        <v>1.7999999999999999E-2</v>
      </c>
      <c r="Z17" s="1">
        <v>4.0000000000000001E-3</v>
      </c>
      <c r="AA17" s="1" t="s">
        <v>552</v>
      </c>
      <c r="AB17" s="1" t="s">
        <v>532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31</v>
      </c>
      <c r="BC17" s="1">
        <v>0.09</v>
      </c>
      <c r="BD17" s="1">
        <v>0.14000000000000001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1.2999999999999999E-2</v>
      </c>
      <c r="BO17" s="1"/>
      <c r="BP17" s="1"/>
      <c r="BQ17" s="1">
        <v>34.4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5416666666666669</v>
      </c>
      <c r="C18" s="1" t="s">
        <v>551</v>
      </c>
      <c r="D18" s="1" t="s">
        <v>73</v>
      </c>
      <c r="E18" s="1" t="s">
        <v>53</v>
      </c>
      <c r="J18" s="1" t="s">
        <v>188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 t="s">
        <v>515</v>
      </c>
      <c r="AD18" s="1" t="s">
        <v>516</v>
      </c>
      <c r="AE18" s="1" t="s">
        <v>517</v>
      </c>
      <c r="AF18" s="1" t="s">
        <v>522</v>
      </c>
      <c r="AG18" s="1">
        <v>3.8E-3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7</v>
      </c>
      <c r="AZ18" s="1"/>
      <c r="BA18" s="1"/>
      <c r="BB18" s="1"/>
      <c r="BC18" s="1"/>
      <c r="BD18" s="1"/>
      <c r="BE18" s="1" t="s">
        <v>522</v>
      </c>
      <c r="BF18" s="1" t="s">
        <v>522</v>
      </c>
      <c r="BG18" s="1" t="s">
        <v>517</v>
      </c>
      <c r="BH18" s="1" t="s">
        <v>518</v>
      </c>
      <c r="BI18" s="1">
        <v>1.6000000000000001E-3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386</v>
      </c>
      <c r="B19" s="2">
        <v>0.35069444444444442</v>
      </c>
      <c r="C19" s="1" t="s">
        <v>483</v>
      </c>
      <c r="D19" s="1" t="s">
        <v>64</v>
      </c>
      <c r="E19" s="1" t="s">
        <v>341</v>
      </c>
      <c r="F19" s="1" t="s">
        <v>200</v>
      </c>
      <c r="G19" s="1" t="s">
        <v>401</v>
      </c>
      <c r="J19" s="1" t="s">
        <v>30</v>
      </c>
      <c r="K19" s="1" t="s">
        <v>405</v>
      </c>
      <c r="M19" s="1" t="s">
        <v>391</v>
      </c>
      <c r="N19" s="1" t="s">
        <v>33</v>
      </c>
      <c r="O19" s="1" t="s">
        <v>336</v>
      </c>
      <c r="P19" s="1" t="s">
        <v>35</v>
      </c>
      <c r="Q19" s="1" t="s">
        <v>58</v>
      </c>
      <c r="S19" s="1" t="s">
        <v>37</v>
      </c>
      <c r="U19" s="1">
        <v>6.8</v>
      </c>
      <c r="V19" s="3">
        <v>2</v>
      </c>
      <c r="W19" s="1" t="s">
        <v>514</v>
      </c>
      <c r="X19" s="1">
        <v>0.13</v>
      </c>
      <c r="Y19" s="1">
        <v>0.0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31</v>
      </c>
      <c r="BC19" s="1" t="s">
        <v>531</v>
      </c>
      <c r="BD19" s="1" t="s">
        <v>529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2E-3</v>
      </c>
      <c r="BO19" s="1"/>
      <c r="BP19" s="1"/>
      <c r="BQ19" s="1">
        <v>33.5</v>
      </c>
      <c r="BR19" s="1"/>
      <c r="BS19" s="1"/>
      <c r="BT19" s="1">
        <v>1.2</v>
      </c>
      <c r="BU19" s="1"/>
      <c r="BV19" s="1"/>
      <c r="BW19" s="1"/>
      <c r="BX19" s="1"/>
      <c r="BY19" s="1"/>
      <c r="BZ19" s="1"/>
    </row>
    <row r="20" spans="1:78" x14ac:dyDescent="0.15">
      <c r="B20" s="2">
        <v>0.35069444444444442</v>
      </c>
      <c r="C20" s="1" t="s">
        <v>485</v>
      </c>
      <c r="D20" s="1" t="s">
        <v>64</v>
      </c>
      <c r="E20" s="1" t="s">
        <v>341</v>
      </c>
      <c r="G20" s="1" t="s">
        <v>28</v>
      </c>
      <c r="J20" s="1" t="s">
        <v>379</v>
      </c>
      <c r="N20" s="1" t="s">
        <v>33</v>
      </c>
      <c r="P20" s="1" t="s">
        <v>35</v>
      </c>
      <c r="Q20" s="1" t="s">
        <v>40</v>
      </c>
      <c r="S20" s="1" t="s">
        <v>93</v>
      </c>
      <c r="U20" s="1">
        <v>6</v>
      </c>
      <c r="V20" s="1"/>
      <c r="W20" s="1"/>
      <c r="X20" s="1">
        <v>0.17</v>
      </c>
      <c r="Y20" s="1">
        <v>1.799999999999999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31</v>
      </c>
      <c r="BC20" s="1">
        <v>0.09</v>
      </c>
      <c r="BD20" s="1">
        <v>0.14000000000000001</v>
      </c>
      <c r="BE20" s="1"/>
      <c r="BF20" s="1"/>
      <c r="BG20" s="1"/>
      <c r="BH20" s="1"/>
      <c r="BI20" s="1"/>
      <c r="BJ20" s="1"/>
      <c r="BK20" s="1"/>
      <c r="BL20" s="1"/>
      <c r="BM20" s="1">
        <v>0.04</v>
      </c>
      <c r="BN20" s="1">
        <v>1.2E-2</v>
      </c>
      <c r="BO20" s="1"/>
      <c r="BP20" s="1"/>
      <c r="BQ20" s="1">
        <v>34.4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5069444444444442</v>
      </c>
      <c r="C21" s="1" t="s">
        <v>551</v>
      </c>
      <c r="D21" s="1" t="s">
        <v>64</v>
      </c>
      <c r="E21" s="1" t="s">
        <v>341</v>
      </c>
      <c r="J21" s="1" t="s">
        <v>18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35069444444444442</v>
      </c>
      <c r="C22" s="1" t="s">
        <v>483</v>
      </c>
      <c r="D22" s="1" t="s">
        <v>304</v>
      </c>
      <c r="E22" s="1" t="s">
        <v>53</v>
      </c>
      <c r="F22" s="1" t="s">
        <v>330</v>
      </c>
      <c r="G22" s="1" t="s">
        <v>367</v>
      </c>
      <c r="J22" s="1" t="s">
        <v>30</v>
      </c>
      <c r="K22" s="1" t="s">
        <v>408</v>
      </c>
      <c r="M22" s="1" t="s">
        <v>289</v>
      </c>
      <c r="N22" s="1" t="s">
        <v>33</v>
      </c>
      <c r="O22" s="1" t="s">
        <v>409</v>
      </c>
      <c r="P22" s="1" t="s">
        <v>35</v>
      </c>
      <c r="Q22" s="1" t="s">
        <v>58</v>
      </c>
      <c r="S22" s="1" t="s">
        <v>289</v>
      </c>
      <c r="U22" s="1">
        <v>7.6</v>
      </c>
      <c r="V22" s="3">
        <v>1100</v>
      </c>
      <c r="W22" s="1" t="s">
        <v>514</v>
      </c>
      <c r="X22" s="1">
        <v>0.31</v>
      </c>
      <c r="Y22" s="1">
        <v>1.7999999999999999E-2</v>
      </c>
      <c r="Z22" s="1" t="s">
        <v>519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31</v>
      </c>
      <c r="BC22" s="1">
        <v>0.19</v>
      </c>
      <c r="BD22" s="1">
        <v>0.24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1.4999999999999999E-2</v>
      </c>
      <c r="BO22" s="1"/>
      <c r="BP22" s="1"/>
      <c r="BQ22" s="1">
        <v>25.26</v>
      </c>
      <c r="BR22" s="1" t="s">
        <v>537</v>
      </c>
      <c r="BS22" s="1"/>
      <c r="BT22" s="1">
        <v>0.8</v>
      </c>
      <c r="BU22" s="1"/>
      <c r="BV22" s="1"/>
      <c r="BW22" s="1"/>
      <c r="BX22" s="1"/>
      <c r="BY22" s="1"/>
      <c r="BZ22" s="1"/>
    </row>
    <row r="23" spans="1:78" x14ac:dyDescent="0.15">
      <c r="B23" s="2">
        <v>0.35069444444444442</v>
      </c>
      <c r="C23" s="1" t="s">
        <v>485</v>
      </c>
      <c r="D23" s="1" t="s">
        <v>304</v>
      </c>
      <c r="E23" s="1" t="s">
        <v>53</v>
      </c>
      <c r="G23" s="1" t="s">
        <v>276</v>
      </c>
      <c r="J23" s="1" t="s">
        <v>379</v>
      </c>
      <c r="N23" s="1" t="s">
        <v>33</v>
      </c>
      <c r="P23" s="1" t="s">
        <v>35</v>
      </c>
      <c r="Q23" s="1" t="s">
        <v>40</v>
      </c>
      <c r="S23" s="1" t="s">
        <v>158</v>
      </c>
      <c r="U23" s="1">
        <v>5.9</v>
      </c>
      <c r="V23" s="1"/>
      <c r="W23" s="1"/>
      <c r="X23" s="1">
        <v>0.18</v>
      </c>
      <c r="Y23" s="1">
        <v>2.4E-2</v>
      </c>
      <c r="Z23" s="1">
        <v>6.000000000000000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31</v>
      </c>
      <c r="BC23" s="1">
        <v>0.1</v>
      </c>
      <c r="BD23" s="1">
        <v>0.15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6E-2</v>
      </c>
      <c r="BO23" s="1"/>
      <c r="BP23" s="1"/>
      <c r="BQ23" s="1">
        <v>34.4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5069444444444442</v>
      </c>
      <c r="C24" s="1" t="s">
        <v>551</v>
      </c>
      <c r="D24" s="1" t="s">
        <v>304</v>
      </c>
      <c r="E24" s="1" t="s">
        <v>53</v>
      </c>
      <c r="J24" s="1" t="s">
        <v>18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 t="s">
        <v>515</v>
      </c>
      <c r="AD24" s="1" t="s">
        <v>516</v>
      </c>
      <c r="AE24" s="1" t="s">
        <v>517</v>
      </c>
      <c r="AF24" s="1" t="s">
        <v>522</v>
      </c>
      <c r="AG24" s="1">
        <v>3.2000000000000002E-3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34722222222222227</v>
      </c>
      <c r="C25" s="1" t="s">
        <v>483</v>
      </c>
      <c r="D25" s="1" t="s">
        <v>64</v>
      </c>
      <c r="E25" s="1" t="s">
        <v>484</v>
      </c>
      <c r="F25" s="1" t="s">
        <v>406</v>
      </c>
      <c r="G25" s="1" t="s">
        <v>252</v>
      </c>
      <c r="J25" s="1" t="s">
        <v>30</v>
      </c>
      <c r="K25" s="1" t="s">
        <v>410</v>
      </c>
      <c r="M25" s="1" t="s">
        <v>381</v>
      </c>
      <c r="N25" s="1" t="s">
        <v>33</v>
      </c>
      <c r="O25" s="1" t="s">
        <v>84</v>
      </c>
      <c r="P25" s="1" t="s">
        <v>35</v>
      </c>
      <c r="Q25" s="1" t="s">
        <v>58</v>
      </c>
      <c r="S25" s="1" t="s">
        <v>93</v>
      </c>
      <c r="U25" s="1">
        <v>7.4</v>
      </c>
      <c r="V25" s="3">
        <v>33</v>
      </c>
      <c r="W25" s="1" t="s">
        <v>514</v>
      </c>
      <c r="X25" s="1">
        <v>0.14000000000000001</v>
      </c>
      <c r="Y25" s="1">
        <v>0.01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31</v>
      </c>
      <c r="BC25" s="1" t="s">
        <v>531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2E-3</v>
      </c>
      <c r="BO25" s="1"/>
      <c r="BP25" s="1"/>
      <c r="BQ25" s="1">
        <v>33.68</v>
      </c>
      <c r="BR25" s="1"/>
      <c r="BS25" s="1"/>
      <c r="BT25" s="1">
        <v>0.9</v>
      </c>
      <c r="BU25" s="1"/>
      <c r="BV25" s="1"/>
      <c r="BW25" s="1"/>
      <c r="BX25" s="1"/>
      <c r="BY25" s="1"/>
      <c r="BZ25" s="1"/>
    </row>
    <row r="26" spans="1:78" x14ac:dyDescent="0.15">
      <c r="B26" s="2">
        <v>0.34722222222222227</v>
      </c>
      <c r="C26" s="1" t="s">
        <v>485</v>
      </c>
      <c r="D26" s="1" t="s">
        <v>64</v>
      </c>
      <c r="E26" s="1" t="s">
        <v>484</v>
      </c>
      <c r="G26" s="1" t="s">
        <v>277</v>
      </c>
      <c r="J26" s="1" t="s">
        <v>379</v>
      </c>
      <c r="N26" s="1" t="s">
        <v>33</v>
      </c>
      <c r="P26" s="1" t="s">
        <v>35</v>
      </c>
      <c r="Q26" s="1" t="s">
        <v>58</v>
      </c>
      <c r="S26" s="1" t="s">
        <v>100</v>
      </c>
      <c r="U26" s="1">
        <v>7</v>
      </c>
      <c r="V26" s="1"/>
      <c r="W26" s="1"/>
      <c r="X26" s="1">
        <v>0.1</v>
      </c>
      <c r="Y26" s="1">
        <v>8.9999999999999993E-3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31</v>
      </c>
      <c r="BC26" s="1" t="s">
        <v>531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2E-3</v>
      </c>
      <c r="BO26" s="1"/>
      <c r="BP26" s="1"/>
      <c r="BQ26" s="1">
        <v>34.15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4722222222222227</v>
      </c>
      <c r="C27" s="1" t="s">
        <v>551</v>
      </c>
      <c r="D27" s="1" t="s">
        <v>64</v>
      </c>
      <c r="E27" s="1" t="s">
        <v>484</v>
      </c>
      <c r="J27" s="1" t="s">
        <v>18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390</v>
      </c>
      <c r="B28" s="2">
        <v>0.41319444444444442</v>
      </c>
      <c r="C28" s="1" t="s">
        <v>483</v>
      </c>
      <c r="D28" s="1" t="s">
        <v>113</v>
      </c>
      <c r="E28" s="1" t="s">
        <v>53</v>
      </c>
      <c r="F28" s="1" t="s">
        <v>117</v>
      </c>
      <c r="G28" s="1" t="s">
        <v>207</v>
      </c>
      <c r="J28" s="1" t="s">
        <v>30</v>
      </c>
      <c r="K28" s="1" t="s">
        <v>411</v>
      </c>
      <c r="M28" s="1" t="s">
        <v>36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62</v>
      </c>
      <c r="U28" s="1">
        <v>7.4</v>
      </c>
      <c r="V28" s="3">
        <v>490</v>
      </c>
      <c r="W28" s="1" t="s">
        <v>514</v>
      </c>
      <c r="X28" s="1">
        <v>0.18</v>
      </c>
      <c r="Y28" s="1">
        <v>1.4999999999999999E-2</v>
      </c>
      <c r="Z28" s="1">
        <v>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31</v>
      </c>
      <c r="BC28" s="1">
        <v>0.08</v>
      </c>
      <c r="BD28" s="1">
        <v>0.13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7.0000000000000001E-3</v>
      </c>
      <c r="BO28" s="1"/>
      <c r="BP28" s="1"/>
      <c r="BQ28" s="1">
        <v>32.99</v>
      </c>
      <c r="BR28" s="1" t="s">
        <v>537</v>
      </c>
      <c r="BS28" s="1"/>
      <c r="BT28" s="1">
        <v>1.4</v>
      </c>
      <c r="BU28" s="1"/>
      <c r="BV28" s="1"/>
      <c r="BW28" s="1"/>
      <c r="BX28" s="1"/>
      <c r="BY28" s="1"/>
      <c r="BZ28" s="1"/>
    </row>
    <row r="29" spans="1:78" x14ac:dyDescent="0.15">
      <c r="B29" s="2">
        <v>0.41319444444444442</v>
      </c>
      <c r="C29" s="1" t="s">
        <v>485</v>
      </c>
      <c r="D29" s="1" t="s">
        <v>113</v>
      </c>
      <c r="E29" s="1" t="s">
        <v>53</v>
      </c>
      <c r="G29" s="1" t="s">
        <v>180</v>
      </c>
      <c r="J29" s="1" t="s">
        <v>379</v>
      </c>
      <c r="N29" s="1" t="s">
        <v>33</v>
      </c>
      <c r="P29" s="1" t="s">
        <v>35</v>
      </c>
      <c r="Q29" s="1" t="s">
        <v>58</v>
      </c>
      <c r="S29" s="1" t="s">
        <v>93</v>
      </c>
      <c r="U29" s="1">
        <v>6.7</v>
      </c>
      <c r="V29" s="1"/>
      <c r="W29" s="1"/>
      <c r="X29" s="1">
        <v>0.14000000000000001</v>
      </c>
      <c r="Y29" s="1">
        <v>1.4E-2</v>
      </c>
      <c r="Z29" s="1">
        <v>1.6E-2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31</v>
      </c>
      <c r="BC29" s="1">
        <v>0.06</v>
      </c>
      <c r="BD29" s="1">
        <v>0.11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0000000000000002E-3</v>
      </c>
      <c r="BO29" s="1"/>
      <c r="BP29" s="1"/>
      <c r="BQ29" s="1">
        <v>34.26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1319444444444442</v>
      </c>
      <c r="C30" s="1" t="s">
        <v>551</v>
      </c>
      <c r="D30" s="1" t="s">
        <v>113</v>
      </c>
      <c r="E30" s="1" t="s">
        <v>53</v>
      </c>
      <c r="J30" s="1" t="s">
        <v>188</v>
      </c>
      <c r="N30" s="1" t="s">
        <v>33</v>
      </c>
      <c r="U30" s="1"/>
      <c r="V30" s="1"/>
      <c r="W30" s="1"/>
      <c r="X30" s="1"/>
      <c r="Y30" s="1"/>
      <c r="Z30" s="1"/>
      <c r="AC30" s="1" t="s">
        <v>515</v>
      </c>
      <c r="AD30" s="1" t="s">
        <v>516</v>
      </c>
      <c r="AE30" s="1" t="s">
        <v>517</v>
      </c>
      <c r="AF30" s="1" t="s">
        <v>522</v>
      </c>
      <c r="AG30" s="1">
        <v>2E-3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392</v>
      </c>
      <c r="B31" s="2">
        <v>0.35069444444444442</v>
      </c>
      <c r="C31" s="1" t="s">
        <v>483</v>
      </c>
      <c r="D31" s="1" t="s">
        <v>27</v>
      </c>
      <c r="E31" s="1" t="s">
        <v>53</v>
      </c>
      <c r="F31" s="1" t="s">
        <v>121</v>
      </c>
      <c r="G31" s="1" t="s">
        <v>302</v>
      </c>
      <c r="J31" s="1" t="s">
        <v>30</v>
      </c>
      <c r="K31" s="1" t="s">
        <v>404</v>
      </c>
      <c r="M31" s="1" t="s">
        <v>412</v>
      </c>
      <c r="N31" s="1" t="s">
        <v>33</v>
      </c>
      <c r="O31" s="1" t="s">
        <v>336</v>
      </c>
      <c r="P31" s="1" t="s">
        <v>35</v>
      </c>
      <c r="Q31" s="1" t="s">
        <v>40</v>
      </c>
      <c r="S31" s="1" t="s">
        <v>158</v>
      </c>
      <c r="U31" s="1">
        <v>7.5</v>
      </c>
      <c r="V31" s="1" t="s">
        <v>521</v>
      </c>
      <c r="W31" s="1" t="s">
        <v>514</v>
      </c>
      <c r="X31" s="1">
        <v>0.16</v>
      </c>
      <c r="Y31" s="1">
        <v>1.0999999999999999E-2</v>
      </c>
      <c r="Z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31</v>
      </c>
      <c r="BC31" s="1">
        <v>0.06</v>
      </c>
      <c r="BD31" s="1">
        <v>0.1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8.9999999999999993E-3</v>
      </c>
      <c r="BO31" s="1"/>
      <c r="BP31" s="1"/>
      <c r="BQ31" s="1">
        <v>34.56</v>
      </c>
      <c r="BR31" s="1"/>
      <c r="BS31" s="1"/>
      <c r="BT31" s="1">
        <v>0.3</v>
      </c>
      <c r="BU31" s="1"/>
      <c r="BV31" s="1"/>
      <c r="BW31" s="1"/>
      <c r="BX31" s="1"/>
      <c r="BY31" s="1"/>
      <c r="BZ31" s="1"/>
    </row>
    <row r="32" spans="1:78" x14ac:dyDescent="0.15">
      <c r="B32" s="2">
        <v>0.35069444444444442</v>
      </c>
      <c r="C32" s="1" t="s">
        <v>485</v>
      </c>
      <c r="D32" s="1" t="s">
        <v>27</v>
      </c>
      <c r="E32" s="1" t="s">
        <v>53</v>
      </c>
      <c r="G32" s="1" t="s">
        <v>216</v>
      </c>
      <c r="J32" s="1" t="s">
        <v>379</v>
      </c>
      <c r="N32" s="1" t="s">
        <v>33</v>
      </c>
      <c r="P32" s="1" t="s">
        <v>35</v>
      </c>
      <c r="Q32" s="1" t="s">
        <v>40</v>
      </c>
      <c r="S32" s="1" t="s">
        <v>87</v>
      </c>
      <c r="U32" s="1">
        <v>7.4</v>
      </c>
      <c r="V32" s="1"/>
      <c r="W32" s="1"/>
      <c r="X32" s="1">
        <v>0.15</v>
      </c>
      <c r="Y32" s="1">
        <v>1.0999999999999999E-2</v>
      </c>
      <c r="Z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31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8.9999999999999993E-3</v>
      </c>
      <c r="BO32" s="1"/>
      <c r="BP32" s="1"/>
      <c r="BQ32" s="1">
        <v>34.63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5069444444444442</v>
      </c>
      <c r="C33" s="1" t="s">
        <v>551</v>
      </c>
      <c r="D33" s="1" t="s">
        <v>27</v>
      </c>
      <c r="E33" s="1" t="s">
        <v>53</v>
      </c>
      <c r="J33" s="1" t="s">
        <v>18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3576388888888889</v>
      </c>
      <c r="C34" s="1" t="s">
        <v>483</v>
      </c>
      <c r="D34" s="1" t="s">
        <v>113</v>
      </c>
      <c r="E34" s="1" t="s">
        <v>53</v>
      </c>
      <c r="F34" s="1" t="s">
        <v>68</v>
      </c>
      <c r="G34" s="1" t="s">
        <v>152</v>
      </c>
      <c r="J34" s="1" t="s">
        <v>30</v>
      </c>
      <c r="K34" s="1" t="s">
        <v>408</v>
      </c>
      <c r="M34" s="1" t="s">
        <v>413</v>
      </c>
      <c r="N34" s="1" t="s">
        <v>33</v>
      </c>
      <c r="O34" s="1" t="s">
        <v>336</v>
      </c>
      <c r="P34" s="1" t="s">
        <v>35</v>
      </c>
      <c r="Q34" s="1" t="s">
        <v>40</v>
      </c>
      <c r="S34" s="1" t="s">
        <v>87</v>
      </c>
      <c r="U34" s="1">
        <v>7.7</v>
      </c>
      <c r="V34" s="3">
        <v>11</v>
      </c>
      <c r="W34" s="1" t="s">
        <v>514</v>
      </c>
      <c r="X34" s="1">
        <v>0.16</v>
      </c>
      <c r="Y34" s="1">
        <v>1.7000000000000001E-2</v>
      </c>
      <c r="Z34" s="1" t="s">
        <v>519</v>
      </c>
      <c r="AA34" t="s">
        <v>552</v>
      </c>
      <c r="AB34" t="s">
        <v>532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31</v>
      </c>
      <c r="BC34" s="1">
        <v>0.08</v>
      </c>
      <c r="BD34" s="1">
        <v>0.13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0.01</v>
      </c>
      <c r="BO34" s="1"/>
      <c r="BP34" s="1"/>
      <c r="BQ34" s="1">
        <v>34.35</v>
      </c>
      <c r="BR34" s="1" t="s">
        <v>537</v>
      </c>
      <c r="BS34" s="1"/>
      <c r="BT34" s="1">
        <v>0.8</v>
      </c>
      <c r="BU34" s="1"/>
      <c r="BV34" s="1"/>
      <c r="BW34" s="1"/>
      <c r="BX34" s="1"/>
      <c r="BY34" s="1"/>
      <c r="BZ34" s="1"/>
    </row>
    <row r="35" spans="1:78" x14ac:dyDescent="0.15">
      <c r="B35" s="2">
        <v>0.3576388888888889</v>
      </c>
      <c r="C35" s="1" t="s">
        <v>485</v>
      </c>
      <c r="D35" s="1" t="s">
        <v>113</v>
      </c>
      <c r="E35" s="1" t="s">
        <v>53</v>
      </c>
      <c r="G35" s="1" t="s">
        <v>236</v>
      </c>
      <c r="J35" s="1" t="s">
        <v>379</v>
      </c>
      <c r="N35" s="1" t="s">
        <v>33</v>
      </c>
      <c r="P35" s="1" t="s">
        <v>35</v>
      </c>
      <c r="Q35" s="1" t="s">
        <v>40</v>
      </c>
      <c r="S35" s="1" t="s">
        <v>158</v>
      </c>
      <c r="U35" s="1">
        <v>7.6</v>
      </c>
      <c r="V35" s="1"/>
      <c r="W35" s="1"/>
      <c r="X35" s="1">
        <v>0.15</v>
      </c>
      <c r="Y35" s="1">
        <v>1.4E-2</v>
      </c>
      <c r="Z35" s="1">
        <v>5.0000000000000001E-3</v>
      </c>
      <c r="AA35" t="s">
        <v>552</v>
      </c>
      <c r="AB35" t="s">
        <v>532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31</v>
      </c>
      <c r="BC35" s="1">
        <v>7.0000000000000007E-2</v>
      </c>
      <c r="BD35" s="1">
        <v>0.12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8.9999999999999993E-3</v>
      </c>
      <c r="BO35" s="1"/>
      <c r="BP35" s="1"/>
      <c r="BQ35" s="1">
        <v>34.59000000000000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576388888888889</v>
      </c>
      <c r="C36" s="1" t="s">
        <v>551</v>
      </c>
      <c r="D36" s="1" t="s">
        <v>113</v>
      </c>
      <c r="E36" s="1" t="s">
        <v>53</v>
      </c>
      <c r="J36" s="1" t="s">
        <v>188</v>
      </c>
      <c r="N36" s="1" t="s">
        <v>33</v>
      </c>
      <c r="U36" s="1"/>
      <c r="V36" s="1"/>
      <c r="W36" s="1"/>
      <c r="X36" s="1"/>
      <c r="Y36" s="1"/>
      <c r="Z36" s="1"/>
      <c r="AC36" s="1" t="s">
        <v>515</v>
      </c>
      <c r="AD36" s="1" t="s">
        <v>516</v>
      </c>
      <c r="AE36" s="1" t="s">
        <v>517</v>
      </c>
      <c r="AF36" s="1" t="s">
        <v>522</v>
      </c>
      <c r="AG36" s="1">
        <v>1.5E-3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7</v>
      </c>
      <c r="AZ36" s="1"/>
      <c r="BA36" s="1"/>
      <c r="BB36" s="1"/>
      <c r="BC36" s="1"/>
      <c r="BD36" s="1"/>
      <c r="BE36" t="s">
        <v>522</v>
      </c>
      <c r="BF36" s="1" t="s">
        <v>522</v>
      </c>
      <c r="BG36" s="1" t="s">
        <v>517</v>
      </c>
      <c r="BH36" s="1" t="s">
        <v>518</v>
      </c>
      <c r="BI36" s="1">
        <v>6.9999999999999999E-4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396</v>
      </c>
      <c r="B37" s="2">
        <v>0.39583333333333331</v>
      </c>
      <c r="C37" s="1" t="s">
        <v>483</v>
      </c>
      <c r="D37" s="1" t="s">
        <v>64</v>
      </c>
      <c r="E37" s="1" t="s">
        <v>484</v>
      </c>
      <c r="F37" s="1" t="s">
        <v>206</v>
      </c>
      <c r="G37" s="1" t="s">
        <v>149</v>
      </c>
      <c r="J37" s="1" t="s">
        <v>30</v>
      </c>
      <c r="K37" s="1" t="s">
        <v>414</v>
      </c>
      <c r="M37" s="1" t="s">
        <v>395</v>
      </c>
      <c r="N37" s="1" t="s">
        <v>33</v>
      </c>
      <c r="O37" s="1" t="s">
        <v>336</v>
      </c>
      <c r="P37" s="1" t="s">
        <v>35</v>
      </c>
      <c r="Q37" s="1" t="s">
        <v>58</v>
      </c>
      <c r="S37" s="1" t="s">
        <v>87</v>
      </c>
      <c r="U37" s="1">
        <v>7.9</v>
      </c>
      <c r="V37" s="3">
        <v>2</v>
      </c>
      <c r="W37" s="1" t="s">
        <v>514</v>
      </c>
      <c r="X37" s="1">
        <v>0.15</v>
      </c>
      <c r="Y37" s="1">
        <v>1.4E-2</v>
      </c>
      <c r="Z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 t="s">
        <v>531</v>
      </c>
      <c r="BC37" s="1">
        <v>0.06</v>
      </c>
      <c r="BD37" s="1">
        <v>0.11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8.9999999999999993E-3</v>
      </c>
      <c r="BO37" s="1"/>
      <c r="BP37" s="1"/>
      <c r="BQ37" s="1">
        <v>34.450000000000003</v>
      </c>
      <c r="BR37" s="1"/>
      <c r="BS37" s="1"/>
      <c r="BT37" s="1">
        <v>0.5</v>
      </c>
      <c r="BU37" s="1"/>
      <c r="BV37" s="1"/>
      <c r="BW37" s="1"/>
      <c r="BX37" s="1"/>
      <c r="BY37" s="1"/>
      <c r="BZ37" s="1"/>
    </row>
    <row r="38" spans="1:78" x14ac:dyDescent="0.15">
      <c r="B38" s="2">
        <v>0.39583333333333331</v>
      </c>
      <c r="C38" s="1" t="s">
        <v>485</v>
      </c>
      <c r="D38" s="1" t="s">
        <v>64</v>
      </c>
      <c r="E38" s="1" t="s">
        <v>484</v>
      </c>
      <c r="G38" s="1" t="s">
        <v>134</v>
      </c>
      <c r="J38" s="1" t="s">
        <v>379</v>
      </c>
      <c r="N38" s="1" t="s">
        <v>33</v>
      </c>
      <c r="P38" s="1" t="s">
        <v>35</v>
      </c>
      <c r="Q38" s="1" t="s">
        <v>40</v>
      </c>
      <c r="S38" s="1" t="s">
        <v>87</v>
      </c>
      <c r="U38" s="1">
        <v>7.6</v>
      </c>
      <c r="V38" s="1"/>
      <c r="W38" s="1"/>
      <c r="X38" s="1">
        <v>0.15</v>
      </c>
      <c r="Y38" s="1">
        <v>1.4999999999999999E-2</v>
      </c>
      <c r="Z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 t="s">
        <v>531</v>
      </c>
      <c r="BC38" s="1">
        <v>7.0000000000000007E-2</v>
      </c>
      <c r="BD38" s="1">
        <v>0.12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1.0999999999999999E-2</v>
      </c>
      <c r="BO38" s="1"/>
      <c r="BP38" s="1"/>
      <c r="BQ38" s="1">
        <v>34.64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B39" s="2">
        <v>0.39583333333333331</v>
      </c>
      <c r="C39" s="1" t="s">
        <v>551</v>
      </c>
      <c r="D39" s="1" t="s">
        <v>64</v>
      </c>
      <c r="E39" s="1" t="s">
        <v>484</v>
      </c>
      <c r="J39" s="1" t="s">
        <v>188</v>
      </c>
      <c r="N39" s="1" t="s">
        <v>33</v>
      </c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09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41666666666666669</v>
      </c>
      <c r="C4" s="1" t="s">
        <v>483</v>
      </c>
      <c r="D4" s="1" t="s">
        <v>64</v>
      </c>
      <c r="E4" s="1" t="s">
        <v>95</v>
      </c>
      <c r="F4" s="1" t="s">
        <v>226</v>
      </c>
      <c r="G4" s="1" t="s">
        <v>202</v>
      </c>
      <c r="J4" s="1" t="s">
        <v>30</v>
      </c>
      <c r="K4" s="1" t="s">
        <v>415</v>
      </c>
      <c r="M4" s="1" t="s">
        <v>416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37</v>
      </c>
      <c r="U4" s="1">
        <v>8.4</v>
      </c>
      <c r="V4" s="1"/>
      <c r="W4" s="1"/>
      <c r="X4" s="1">
        <v>0.11</v>
      </c>
      <c r="Y4" s="1">
        <v>1.7000000000000001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3.630000000000003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41666666666666669</v>
      </c>
      <c r="C5" s="1" t="s">
        <v>485</v>
      </c>
      <c r="D5" s="1" t="s">
        <v>64</v>
      </c>
      <c r="E5" s="1" t="s">
        <v>95</v>
      </c>
      <c r="G5" s="1" t="s">
        <v>202</v>
      </c>
      <c r="J5" s="1" t="s">
        <v>173</v>
      </c>
      <c r="N5" s="1" t="s">
        <v>33</v>
      </c>
      <c r="P5" s="1" t="s">
        <v>35</v>
      </c>
      <c r="Q5" s="1" t="s">
        <v>58</v>
      </c>
      <c r="S5" s="1" t="s">
        <v>201</v>
      </c>
      <c r="U5" s="1">
        <v>8.4</v>
      </c>
      <c r="V5" s="1"/>
      <c r="W5" s="1"/>
      <c r="X5" s="1">
        <v>7.0000000000000007E-2</v>
      </c>
      <c r="Y5" s="1">
        <v>1.6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2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43124999999999997</v>
      </c>
      <c r="C6" s="1" t="s">
        <v>483</v>
      </c>
      <c r="D6" s="1" t="s">
        <v>64</v>
      </c>
      <c r="E6" s="1" t="s">
        <v>53</v>
      </c>
      <c r="F6" s="1" t="s">
        <v>347</v>
      </c>
      <c r="G6" s="1" t="s">
        <v>417</v>
      </c>
      <c r="J6" s="1" t="s">
        <v>30</v>
      </c>
      <c r="K6" s="1" t="s">
        <v>415</v>
      </c>
      <c r="M6" s="1" t="s">
        <v>120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418</v>
      </c>
      <c r="U6" s="1">
        <v>7.8</v>
      </c>
      <c r="V6" s="1"/>
      <c r="W6" s="1"/>
      <c r="X6" s="1">
        <v>0.1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2.28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43124999999999997</v>
      </c>
      <c r="C7" s="1" t="s">
        <v>485</v>
      </c>
      <c r="D7" s="1" t="s">
        <v>64</v>
      </c>
      <c r="E7" s="1" t="s">
        <v>53</v>
      </c>
      <c r="G7" s="1" t="s">
        <v>105</v>
      </c>
      <c r="J7" s="1" t="s">
        <v>173</v>
      </c>
      <c r="N7" s="1" t="s">
        <v>33</v>
      </c>
      <c r="P7" s="1" t="s">
        <v>35</v>
      </c>
      <c r="Q7" s="1" t="s">
        <v>36</v>
      </c>
      <c r="S7" s="1" t="s">
        <v>194</v>
      </c>
      <c r="U7" s="1">
        <v>6.6</v>
      </c>
      <c r="V7" s="1"/>
      <c r="W7" s="1"/>
      <c r="X7" s="1">
        <v>0.16</v>
      </c>
      <c r="Y7" s="1">
        <v>2.5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4.1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3124999999999997</v>
      </c>
      <c r="C8" s="1" t="s">
        <v>551</v>
      </c>
      <c r="D8" s="1" t="s">
        <v>64</v>
      </c>
      <c r="E8" s="1" t="s">
        <v>53</v>
      </c>
      <c r="J8" s="1" t="s">
        <v>188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40277777777777773</v>
      </c>
      <c r="C9" s="1" t="s">
        <v>483</v>
      </c>
      <c r="D9" s="1" t="s">
        <v>64</v>
      </c>
      <c r="E9" s="1" t="s">
        <v>484</v>
      </c>
      <c r="F9" s="1" t="s">
        <v>38</v>
      </c>
      <c r="G9" s="1" t="s">
        <v>124</v>
      </c>
      <c r="J9" s="1" t="s">
        <v>30</v>
      </c>
      <c r="K9" s="1" t="s">
        <v>419</v>
      </c>
      <c r="M9" s="1" t="s">
        <v>315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201</v>
      </c>
      <c r="U9" s="1">
        <v>7.8</v>
      </c>
      <c r="V9" s="1"/>
      <c r="W9" s="1"/>
      <c r="X9" s="1">
        <v>0.09</v>
      </c>
      <c r="Y9" s="1">
        <v>1.2999999999999999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88000000000000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40277777777777773</v>
      </c>
      <c r="C10" s="1" t="s">
        <v>485</v>
      </c>
      <c r="D10" s="1" t="s">
        <v>64</v>
      </c>
      <c r="E10" s="1" t="s">
        <v>484</v>
      </c>
      <c r="G10" s="1" t="s">
        <v>28</v>
      </c>
      <c r="J10" s="1" t="s">
        <v>173</v>
      </c>
      <c r="N10" s="1" t="s">
        <v>33</v>
      </c>
      <c r="P10" s="1" t="s">
        <v>35</v>
      </c>
      <c r="Q10" s="1" t="s">
        <v>58</v>
      </c>
      <c r="S10" s="1" t="s">
        <v>41</v>
      </c>
      <c r="U10" s="1">
        <v>7.9</v>
      </c>
      <c r="V10" s="1"/>
      <c r="W10" s="1"/>
      <c r="X10" s="1">
        <v>0.12</v>
      </c>
      <c r="Y10" s="1">
        <v>8.9999999999999993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3.97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0277777777777773</v>
      </c>
      <c r="C11" s="1" t="s">
        <v>551</v>
      </c>
      <c r="D11" s="1" t="s">
        <v>64</v>
      </c>
      <c r="E11" s="1" t="s">
        <v>484</v>
      </c>
      <c r="J11" s="1" t="s">
        <v>188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42430555555555555</v>
      </c>
      <c r="C12" s="1" t="s">
        <v>483</v>
      </c>
      <c r="D12" s="1" t="s">
        <v>113</v>
      </c>
      <c r="E12" s="1" t="s">
        <v>53</v>
      </c>
      <c r="F12" s="1" t="s">
        <v>416</v>
      </c>
      <c r="G12" s="1" t="s">
        <v>134</v>
      </c>
      <c r="J12" s="1" t="s">
        <v>30</v>
      </c>
      <c r="K12" s="1" t="s">
        <v>420</v>
      </c>
      <c r="M12" s="1" t="s">
        <v>140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41</v>
      </c>
      <c r="U12" s="1">
        <v>8.1</v>
      </c>
      <c r="V12" s="1"/>
      <c r="W12" s="1"/>
      <c r="X12" s="1">
        <v>0.13</v>
      </c>
      <c r="Y12" s="1">
        <v>1.7999999999999999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31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42430555555555555</v>
      </c>
      <c r="C13" s="1" t="s">
        <v>485</v>
      </c>
      <c r="D13" s="1" t="s">
        <v>113</v>
      </c>
      <c r="E13" s="1" t="s">
        <v>53</v>
      </c>
      <c r="G13" s="1" t="s">
        <v>169</v>
      </c>
      <c r="J13" s="1" t="s">
        <v>173</v>
      </c>
      <c r="N13" s="1" t="s">
        <v>33</v>
      </c>
      <c r="P13" s="1" t="s">
        <v>35</v>
      </c>
      <c r="Q13" s="1" t="s">
        <v>40</v>
      </c>
      <c r="S13" s="1" t="s">
        <v>41</v>
      </c>
      <c r="U13" s="1">
        <v>8</v>
      </c>
      <c r="V13" s="1"/>
      <c r="W13" s="1"/>
      <c r="X13" s="1">
        <v>0.11</v>
      </c>
      <c r="Y13" s="1">
        <v>1.7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409999999999997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2430555555555555</v>
      </c>
      <c r="C14" s="1" t="s">
        <v>551</v>
      </c>
      <c r="D14" s="1" t="s">
        <v>113</v>
      </c>
      <c r="E14" s="1" t="s">
        <v>53</v>
      </c>
      <c r="J14" s="1" t="s">
        <v>188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BZ3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87</v>
      </c>
      <c r="E1" s="1" t="s">
        <v>2</v>
      </c>
      <c r="F1" s="1" t="s">
        <v>474</v>
      </c>
      <c r="G1" s="1" t="s">
        <v>3</v>
      </c>
      <c r="H1" s="1" t="s">
        <v>47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2708333333333331</v>
      </c>
      <c r="C4" s="1" t="s">
        <v>483</v>
      </c>
      <c r="D4" s="1" t="s">
        <v>27</v>
      </c>
      <c r="E4" s="1" t="s">
        <v>484</v>
      </c>
      <c r="F4" s="1" t="s">
        <v>124</v>
      </c>
      <c r="G4" s="1" t="s">
        <v>29</v>
      </c>
      <c r="J4" s="1" t="s">
        <v>30</v>
      </c>
      <c r="K4" s="1" t="s">
        <v>125</v>
      </c>
      <c r="M4" s="1" t="s">
        <v>126</v>
      </c>
      <c r="N4" s="1" t="s">
        <v>33</v>
      </c>
      <c r="O4" s="1" t="s">
        <v>34</v>
      </c>
      <c r="P4" s="1" t="s">
        <v>35</v>
      </c>
      <c r="Q4" s="1" t="s">
        <v>36</v>
      </c>
      <c r="S4" s="1" t="s">
        <v>93</v>
      </c>
      <c r="U4" s="1">
        <v>8</v>
      </c>
      <c r="V4" s="3">
        <v>330</v>
      </c>
      <c r="W4" s="1" t="s">
        <v>514</v>
      </c>
      <c r="X4" s="1">
        <v>0.64</v>
      </c>
      <c r="Y4" s="1">
        <v>6.9000000000000006E-2</v>
      </c>
      <c r="Z4" s="1">
        <v>4.0000000000000001E-3</v>
      </c>
      <c r="AA4" s="1" t="s">
        <v>552</v>
      </c>
      <c r="AB4" s="1" t="s">
        <v>55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35</v>
      </c>
      <c r="BD4" s="1">
        <v>0.4</v>
      </c>
      <c r="BE4" s="1"/>
      <c r="BF4" s="1"/>
      <c r="BG4" s="1"/>
      <c r="BH4" s="1"/>
      <c r="BI4" s="1"/>
      <c r="BJ4" s="1"/>
      <c r="BK4" s="1"/>
      <c r="BL4" s="1"/>
      <c r="BM4" s="1">
        <v>0.06</v>
      </c>
      <c r="BN4" s="1">
        <v>5.1999999999999998E-2</v>
      </c>
      <c r="BO4" s="1"/>
      <c r="BP4" s="1"/>
      <c r="BQ4" s="1">
        <v>29.3</v>
      </c>
      <c r="BR4" s="1"/>
      <c r="BS4" s="1"/>
      <c r="BT4" s="1">
        <v>1</v>
      </c>
      <c r="BU4" s="1"/>
      <c r="BV4" s="1"/>
      <c r="BW4" s="1"/>
      <c r="BX4" s="1"/>
      <c r="BY4" s="1"/>
      <c r="BZ4" s="1"/>
    </row>
    <row r="5" spans="1:78" x14ac:dyDescent="0.15">
      <c r="B5" s="2">
        <v>0.42708333333333331</v>
      </c>
      <c r="C5" s="1" t="s">
        <v>485</v>
      </c>
      <c r="G5" s="1" t="s">
        <v>43</v>
      </c>
      <c r="J5" s="1" t="s">
        <v>127</v>
      </c>
      <c r="P5" s="1" t="s">
        <v>35</v>
      </c>
      <c r="Q5" s="1" t="s">
        <v>40</v>
      </c>
      <c r="S5" s="1" t="s">
        <v>50</v>
      </c>
      <c r="U5" s="1">
        <v>7.8</v>
      </c>
      <c r="V5" s="1"/>
      <c r="W5" s="1"/>
      <c r="X5" s="1">
        <v>0.16</v>
      </c>
      <c r="Y5" s="1">
        <v>0.02</v>
      </c>
      <c r="Z5" s="1">
        <v>1E-3</v>
      </c>
      <c r="AA5" s="1" t="s">
        <v>552</v>
      </c>
      <c r="AB5" s="1" t="s">
        <v>563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8</v>
      </c>
      <c r="BD5" s="1">
        <v>0.13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4E-2</v>
      </c>
      <c r="BO5" s="1"/>
      <c r="BP5" s="1"/>
      <c r="BQ5" s="1">
        <v>34.5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/>
      <c r="B6" s="2">
        <v>0.42708333333333331</v>
      </c>
      <c r="C6" s="1" t="s">
        <v>551</v>
      </c>
      <c r="D6" s="1"/>
      <c r="E6" s="1"/>
      <c r="F6" s="1"/>
      <c r="G6" s="1"/>
      <c r="H6" s="1"/>
      <c r="I6" s="1"/>
      <c r="J6" s="1">
        <v>7.8</v>
      </c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 t="s">
        <v>555</v>
      </c>
      <c r="AB6" s="1" t="s">
        <v>555</v>
      </c>
      <c r="AC6" s="1" t="s">
        <v>515</v>
      </c>
      <c r="AD6" s="1" t="s">
        <v>516</v>
      </c>
      <c r="AE6" s="1" t="s">
        <v>517</v>
      </c>
      <c r="AF6" s="1" t="s">
        <v>518</v>
      </c>
      <c r="AG6" s="1">
        <v>1E-3</v>
      </c>
      <c r="AH6" s="1" t="s">
        <v>517</v>
      </c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42</v>
      </c>
      <c r="B7" s="2">
        <v>0.43194444444444446</v>
      </c>
      <c r="C7" s="1" t="s">
        <v>483</v>
      </c>
      <c r="D7" s="1" t="s">
        <v>27</v>
      </c>
      <c r="E7" s="1" t="s">
        <v>484</v>
      </c>
      <c r="F7" s="1" t="s">
        <v>44</v>
      </c>
      <c r="G7" s="1" t="s">
        <v>38</v>
      </c>
      <c r="J7" s="1" t="s">
        <v>30</v>
      </c>
      <c r="K7" s="1" t="s">
        <v>29</v>
      </c>
      <c r="M7" s="1" t="s">
        <v>128</v>
      </c>
      <c r="N7" s="1" t="s">
        <v>33</v>
      </c>
      <c r="O7" s="1" t="s">
        <v>129</v>
      </c>
      <c r="P7" s="1" t="s">
        <v>35</v>
      </c>
      <c r="Q7" s="1" t="s">
        <v>58</v>
      </c>
      <c r="S7" s="1" t="s">
        <v>50</v>
      </c>
      <c r="U7" s="1">
        <v>8.5</v>
      </c>
      <c r="V7" s="1" t="s">
        <v>521</v>
      </c>
      <c r="W7" s="1" t="s">
        <v>514</v>
      </c>
      <c r="X7" s="1">
        <v>0.28999999999999998</v>
      </c>
      <c r="Y7" s="1">
        <v>1.6E-2</v>
      </c>
      <c r="Z7" s="1">
        <v>6.9999999999999999E-4</v>
      </c>
      <c r="AA7" s="1" t="s">
        <v>552</v>
      </c>
      <c r="AB7" s="1" t="s">
        <v>532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1</v>
      </c>
      <c r="BD7" s="1">
        <v>0.15</v>
      </c>
      <c r="BE7" s="1"/>
      <c r="BF7" s="1"/>
      <c r="BG7" s="1"/>
      <c r="BH7" s="1"/>
      <c r="BI7" s="1"/>
      <c r="BJ7" s="1"/>
      <c r="BK7" s="1"/>
      <c r="BL7" s="1"/>
      <c r="BM7" s="1">
        <v>0.06</v>
      </c>
      <c r="BN7" s="1">
        <v>0.01</v>
      </c>
      <c r="BO7" s="1"/>
      <c r="BP7" s="1"/>
      <c r="BQ7" s="1">
        <v>33.979999999999997</v>
      </c>
      <c r="BR7" s="1"/>
      <c r="BS7" s="1"/>
      <c r="BT7" s="1">
        <v>1.2</v>
      </c>
      <c r="BU7" s="1"/>
      <c r="BV7" s="1"/>
      <c r="BW7" s="1"/>
      <c r="BX7" s="1"/>
      <c r="BY7" s="1"/>
      <c r="BZ7" s="1"/>
    </row>
    <row r="8" spans="1:78" x14ac:dyDescent="0.15">
      <c r="B8" s="2">
        <v>0.43194444444444446</v>
      </c>
      <c r="C8" s="1" t="s">
        <v>485</v>
      </c>
      <c r="G8" s="1" t="s">
        <v>130</v>
      </c>
      <c r="J8" s="1" t="s">
        <v>131</v>
      </c>
      <c r="P8" s="1" t="s">
        <v>35</v>
      </c>
      <c r="Q8" s="1" t="s">
        <v>40</v>
      </c>
      <c r="S8" s="1" t="s">
        <v>132</v>
      </c>
      <c r="U8" s="1">
        <v>7.9</v>
      </c>
      <c r="V8" s="1"/>
      <c r="W8" s="1"/>
      <c r="X8" s="1">
        <v>0.28000000000000003</v>
      </c>
      <c r="Y8" s="1">
        <v>1.4E-2</v>
      </c>
      <c r="Z8" s="1">
        <v>8.9999999999999998E-4</v>
      </c>
      <c r="AA8" s="1" t="s">
        <v>552</v>
      </c>
      <c r="AB8" s="1" t="s">
        <v>565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>
        <v>0.08</v>
      </c>
      <c r="BD8" s="1">
        <v>0.13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8.0000000000000002E-3</v>
      </c>
      <c r="BO8" s="1"/>
      <c r="BP8" s="1"/>
      <c r="BQ8" s="1">
        <v>34.36</v>
      </c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/>
      <c r="B9" s="2">
        <v>0.43194444444444446</v>
      </c>
      <c r="C9" s="1" t="s">
        <v>551</v>
      </c>
      <c r="D9" s="1"/>
      <c r="E9" s="1"/>
      <c r="F9" s="1"/>
      <c r="G9" s="1"/>
      <c r="H9" s="1"/>
      <c r="I9" s="1"/>
      <c r="J9" s="1">
        <v>8.8000000000000007</v>
      </c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 t="s">
        <v>555</v>
      </c>
      <c r="AB9" s="1" t="s">
        <v>555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 t="s">
        <v>520</v>
      </c>
      <c r="AS9" s="1" t="s">
        <v>520</v>
      </c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51</v>
      </c>
      <c r="B10" s="2">
        <v>0.37847222222222227</v>
      </c>
      <c r="C10" s="1" t="s">
        <v>483</v>
      </c>
      <c r="D10" s="1" t="s">
        <v>52</v>
      </c>
      <c r="E10" s="1" t="s">
        <v>53</v>
      </c>
      <c r="F10" s="1" t="s">
        <v>133</v>
      </c>
      <c r="G10" s="1" t="s">
        <v>55</v>
      </c>
      <c r="J10" s="1" t="s">
        <v>30</v>
      </c>
      <c r="K10" s="1" t="s">
        <v>134</v>
      </c>
      <c r="M10" s="1" t="s">
        <v>135</v>
      </c>
      <c r="N10" s="1" t="s">
        <v>33</v>
      </c>
      <c r="O10" s="1" t="s">
        <v>57</v>
      </c>
      <c r="P10" s="1" t="s">
        <v>35</v>
      </c>
      <c r="Q10" s="1" t="s">
        <v>58</v>
      </c>
      <c r="S10" s="1" t="s">
        <v>62</v>
      </c>
      <c r="U10" s="1">
        <v>8.9</v>
      </c>
      <c r="V10" s="3">
        <v>33</v>
      </c>
      <c r="W10" s="1" t="s">
        <v>514</v>
      </c>
      <c r="X10" s="1">
        <v>0.68</v>
      </c>
      <c r="Y10" s="1">
        <v>0.02</v>
      </c>
      <c r="Z10" s="1">
        <v>2.5000000000000001E-3</v>
      </c>
      <c r="AA10" s="1" t="s">
        <v>552</v>
      </c>
      <c r="AB10" s="1" t="s">
        <v>56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01</v>
      </c>
      <c r="BC10" s="1">
        <v>0.27</v>
      </c>
      <c r="BD10" s="1">
        <v>0.32</v>
      </c>
      <c r="BE10" s="1"/>
      <c r="BF10" s="1"/>
      <c r="BG10" s="1"/>
      <c r="BH10" s="1"/>
      <c r="BI10" s="1"/>
      <c r="BJ10" s="1"/>
      <c r="BK10" s="1"/>
      <c r="BL10" s="1"/>
      <c r="BM10" s="1">
        <v>7.0000000000000007E-2</v>
      </c>
      <c r="BN10" s="1">
        <v>0.01</v>
      </c>
      <c r="BO10" s="1"/>
      <c r="BP10" s="1"/>
      <c r="BQ10" s="1">
        <v>30.85</v>
      </c>
      <c r="BR10" s="1"/>
      <c r="BS10" s="1"/>
      <c r="BT10" s="1">
        <v>5.8</v>
      </c>
      <c r="BU10" s="1"/>
      <c r="BV10" s="1"/>
      <c r="BW10" s="1"/>
      <c r="BX10" s="1"/>
      <c r="BY10" s="1"/>
      <c r="BZ10" s="1"/>
    </row>
    <row r="11" spans="1:78" x14ac:dyDescent="0.15">
      <c r="B11" s="2">
        <v>0.37847222222222227</v>
      </c>
      <c r="C11" s="1" t="s">
        <v>485</v>
      </c>
      <c r="G11" s="1" t="s">
        <v>136</v>
      </c>
      <c r="J11" s="1" t="s">
        <v>137</v>
      </c>
      <c r="P11" s="1" t="s">
        <v>35</v>
      </c>
      <c r="Q11" s="1" t="s">
        <v>40</v>
      </c>
      <c r="S11" s="1" t="s">
        <v>87</v>
      </c>
      <c r="U11" s="1">
        <v>8.1999999999999993</v>
      </c>
      <c r="V11" s="1"/>
      <c r="W11" s="1"/>
      <c r="X11" s="1">
        <v>0.14000000000000001</v>
      </c>
      <c r="Y11" s="1">
        <v>1.0999999999999999E-2</v>
      </c>
      <c r="Z11" s="1">
        <v>2.3999999999999998E-3</v>
      </c>
      <c r="AA11" s="1" t="s">
        <v>552</v>
      </c>
      <c r="AB11" s="1" t="s">
        <v>565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3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6.0000000000000001E-3</v>
      </c>
      <c r="BO11" s="1"/>
      <c r="BP11" s="1"/>
      <c r="BQ11" s="1">
        <v>33.880000000000003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/>
      <c r="B12" s="2">
        <v>0.37847222222222227</v>
      </c>
      <c r="C12" s="1" t="s">
        <v>551</v>
      </c>
      <c r="D12" s="1"/>
      <c r="E12" s="1"/>
      <c r="F12" s="1"/>
      <c r="G12" s="1"/>
      <c r="H12" s="1"/>
      <c r="I12" s="1"/>
      <c r="J12" s="1">
        <v>7.5</v>
      </c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 t="s">
        <v>555</v>
      </c>
      <c r="AB12" s="1" t="s">
        <v>555</v>
      </c>
      <c r="AC12" s="1" t="s">
        <v>515</v>
      </c>
      <c r="AD12" s="1" t="s">
        <v>516</v>
      </c>
      <c r="AE12" s="1" t="s">
        <v>517</v>
      </c>
      <c r="AF12" s="1" t="s">
        <v>518</v>
      </c>
      <c r="AG12" s="1" t="s">
        <v>519</v>
      </c>
      <c r="AH12" s="1" t="s">
        <v>517</v>
      </c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63</v>
      </c>
      <c r="B13" s="2">
        <v>0.44444444444444442</v>
      </c>
      <c r="C13" s="1" t="s">
        <v>483</v>
      </c>
      <c r="D13" s="1" t="s">
        <v>64</v>
      </c>
      <c r="E13" s="1" t="s">
        <v>53</v>
      </c>
      <c r="F13" s="1" t="s">
        <v>138</v>
      </c>
      <c r="G13" s="1" t="s">
        <v>139</v>
      </c>
      <c r="J13" s="1" t="s">
        <v>30</v>
      </c>
      <c r="K13" s="1" t="s">
        <v>140</v>
      </c>
      <c r="M13" s="1" t="s">
        <v>56</v>
      </c>
      <c r="N13" s="1" t="s">
        <v>33</v>
      </c>
      <c r="O13" s="1" t="s">
        <v>84</v>
      </c>
      <c r="P13" s="1" t="s">
        <v>35</v>
      </c>
      <c r="Q13" s="1" t="s">
        <v>141</v>
      </c>
      <c r="S13" s="1" t="s">
        <v>142</v>
      </c>
      <c r="U13" s="1">
        <v>8.1999999999999993</v>
      </c>
      <c r="V13" s="3">
        <v>13</v>
      </c>
      <c r="W13" s="1" t="s">
        <v>514</v>
      </c>
      <c r="X13" s="1">
        <v>0.21</v>
      </c>
      <c r="Y13" s="1">
        <v>2.3E-2</v>
      </c>
      <c r="Z13" s="1">
        <v>4.0000000000000001E-3</v>
      </c>
      <c r="AA13" s="1" t="s">
        <v>552</v>
      </c>
      <c r="AB13" s="1" t="s">
        <v>554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01</v>
      </c>
      <c r="BC13" s="1">
        <v>0.1</v>
      </c>
      <c r="BD13" s="1">
        <v>0.15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1.9E-2</v>
      </c>
      <c r="BO13" s="1"/>
      <c r="BP13" s="1"/>
      <c r="BQ13" s="1">
        <v>31.49</v>
      </c>
      <c r="BR13" s="1"/>
      <c r="BS13" s="1"/>
      <c r="BT13" s="1">
        <v>11</v>
      </c>
      <c r="BU13" s="1"/>
      <c r="BV13" s="1"/>
      <c r="BW13" s="1"/>
      <c r="BX13" s="1"/>
      <c r="BY13" s="1"/>
      <c r="BZ13" s="1"/>
    </row>
    <row r="14" spans="1:78" x14ac:dyDescent="0.15">
      <c r="B14" s="2">
        <v>0.44444444444444442</v>
      </c>
      <c r="C14" s="1" t="s">
        <v>485</v>
      </c>
      <c r="G14" s="1" t="s">
        <v>143</v>
      </c>
      <c r="J14" s="1" t="s">
        <v>144</v>
      </c>
      <c r="P14" s="1" t="s">
        <v>35</v>
      </c>
      <c r="Q14" s="1" t="s">
        <v>58</v>
      </c>
      <c r="S14" s="1" t="s">
        <v>87</v>
      </c>
      <c r="U14" s="1">
        <v>7.2</v>
      </c>
      <c r="V14" s="1"/>
      <c r="W14" s="1"/>
      <c r="X14" s="1">
        <v>0.09</v>
      </c>
      <c r="Y14" s="1">
        <v>1.2E-2</v>
      </c>
      <c r="Z14" s="1">
        <v>7.7999999999999996E-3</v>
      </c>
      <c r="AA14" s="1" t="s">
        <v>552</v>
      </c>
      <c r="AB14" s="1" t="s">
        <v>567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03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7.0000000000000001E-3</v>
      </c>
      <c r="BO14" s="1"/>
      <c r="BP14" s="1"/>
      <c r="BQ14" s="1">
        <v>33.78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/>
      <c r="B15" s="2">
        <v>0.44444444444444442</v>
      </c>
      <c r="C15" s="1" t="s">
        <v>551</v>
      </c>
      <c r="D15" s="1"/>
      <c r="E15" s="1"/>
      <c r="F15" s="1"/>
      <c r="G15" s="1"/>
      <c r="H15" s="1"/>
      <c r="I15" s="1"/>
      <c r="J15" s="1">
        <v>6.8</v>
      </c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517</v>
      </c>
      <c r="AV15" s="1" t="s">
        <v>515</v>
      </c>
      <c r="AW15" s="1" t="s">
        <v>515</v>
      </c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 t="s">
        <v>517</v>
      </c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72</v>
      </c>
      <c r="B16" s="2">
        <v>0.38194444444444442</v>
      </c>
      <c r="C16" s="1" t="s">
        <v>483</v>
      </c>
      <c r="D16" s="1" t="s">
        <v>73</v>
      </c>
      <c r="E16" s="1" t="s">
        <v>53</v>
      </c>
      <c r="F16" s="1" t="s">
        <v>145</v>
      </c>
      <c r="G16" s="1" t="s">
        <v>146</v>
      </c>
      <c r="J16" s="1" t="s">
        <v>30</v>
      </c>
      <c r="K16" s="1" t="s">
        <v>147</v>
      </c>
      <c r="M16" s="1" t="s">
        <v>77</v>
      </c>
      <c r="N16" s="1" t="s">
        <v>33</v>
      </c>
      <c r="O16" s="1" t="s">
        <v>57</v>
      </c>
      <c r="P16" s="1" t="s">
        <v>35</v>
      </c>
      <c r="Q16" s="1" t="s">
        <v>68</v>
      </c>
      <c r="S16" s="1" t="s">
        <v>148</v>
      </c>
      <c r="U16" s="1">
        <v>12.4</v>
      </c>
      <c r="V16" s="3">
        <v>11</v>
      </c>
      <c r="W16" s="1" t="s">
        <v>514</v>
      </c>
      <c r="X16" s="1">
        <v>0.41</v>
      </c>
      <c r="Y16" s="1">
        <v>2.3E-2</v>
      </c>
      <c r="Z16" s="1">
        <v>4.0000000000000001E-3</v>
      </c>
      <c r="AA16" s="1" t="s">
        <v>552</v>
      </c>
      <c r="AB16" s="1" t="s">
        <v>568</v>
      </c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>
        <v>0.2</v>
      </c>
      <c r="BD16" s="1">
        <v>0.25</v>
      </c>
      <c r="BE16" s="1"/>
      <c r="BF16" s="1"/>
      <c r="BG16" s="1"/>
      <c r="BH16" s="1"/>
      <c r="BI16" s="1"/>
      <c r="BJ16" s="1"/>
      <c r="BK16" s="1"/>
      <c r="BL16" s="1"/>
      <c r="BM16" s="1">
        <v>0.04</v>
      </c>
      <c r="BN16" s="1">
        <v>1.4999999999999999E-2</v>
      </c>
      <c r="BO16" s="1"/>
      <c r="BP16" s="1"/>
      <c r="BQ16" s="1">
        <v>29.34</v>
      </c>
      <c r="BR16" s="1" t="s">
        <v>537</v>
      </c>
      <c r="BS16" s="1"/>
      <c r="BT16" s="1">
        <v>13</v>
      </c>
      <c r="BU16" s="1"/>
      <c r="BV16" s="1"/>
      <c r="BW16" s="1"/>
      <c r="BX16" s="1"/>
      <c r="BY16" s="1"/>
      <c r="BZ16" s="1"/>
    </row>
    <row r="17" spans="1:78" x14ac:dyDescent="0.15">
      <c r="B17" s="2">
        <v>0.38194444444444442</v>
      </c>
      <c r="C17" s="1" t="s">
        <v>485</v>
      </c>
      <c r="G17" s="1" t="s">
        <v>79</v>
      </c>
      <c r="J17" s="1" t="s">
        <v>149</v>
      </c>
      <c r="P17" s="1" t="s">
        <v>35</v>
      </c>
      <c r="Q17" s="1" t="s">
        <v>58</v>
      </c>
      <c r="S17" s="1" t="s">
        <v>62</v>
      </c>
      <c r="U17" s="1">
        <v>6.7</v>
      </c>
      <c r="V17" s="1"/>
      <c r="W17" s="1"/>
      <c r="X17" s="1">
        <v>0.13</v>
      </c>
      <c r="Y17" s="1">
        <v>8.9999999999999993E-3</v>
      </c>
      <c r="Z17" s="1">
        <v>4.1000000000000003E-3</v>
      </c>
      <c r="AA17" s="1" t="s">
        <v>552</v>
      </c>
      <c r="AB17" s="1" t="s">
        <v>56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5</v>
      </c>
      <c r="BD17" s="1">
        <v>0.1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6.0000000000000001E-3</v>
      </c>
      <c r="BO17" s="1"/>
      <c r="BP17" s="1"/>
      <c r="BQ17" s="1">
        <v>33.2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38194444444444442</v>
      </c>
      <c r="C18" s="1" t="s">
        <v>551</v>
      </c>
      <c r="D18" s="1"/>
      <c r="E18" s="1"/>
      <c r="F18" s="1"/>
      <c r="G18" s="1"/>
      <c r="H18" s="1"/>
      <c r="I18" s="1"/>
      <c r="J18" s="1">
        <v>8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 t="s">
        <v>555</v>
      </c>
      <c r="AB18" s="1" t="s">
        <v>555</v>
      </c>
      <c r="AC18" s="1" t="s">
        <v>515</v>
      </c>
      <c r="AD18" s="1" t="s">
        <v>516</v>
      </c>
      <c r="AE18" s="1" t="s">
        <v>517</v>
      </c>
      <c r="AF18" s="1" t="s">
        <v>518</v>
      </c>
      <c r="AG18" s="1" t="s">
        <v>519</v>
      </c>
      <c r="AH18" s="1" t="s">
        <v>517</v>
      </c>
      <c r="AI18" s="1"/>
      <c r="AJ18" s="1" t="s">
        <v>517</v>
      </c>
      <c r="AK18" s="1" t="s">
        <v>520</v>
      </c>
      <c r="AL18" s="1" t="s">
        <v>520</v>
      </c>
      <c r="AM18" s="1" t="s">
        <v>520</v>
      </c>
      <c r="AN18" s="1" t="s">
        <v>520</v>
      </c>
      <c r="AO18" s="1" t="s">
        <v>520</v>
      </c>
      <c r="AP18" t="s">
        <v>520</v>
      </c>
      <c r="AQ18" s="1" t="s">
        <v>520</v>
      </c>
      <c r="AR18" s="1" t="s">
        <v>520</v>
      </c>
      <c r="AS18" s="1" t="s">
        <v>520</v>
      </c>
      <c r="AT18" s="1" t="s">
        <v>528</v>
      </c>
      <c r="AU18" s="1"/>
      <c r="AV18" s="1"/>
      <c r="AW18" s="1"/>
      <c r="AX18" s="1" t="s">
        <v>520</v>
      </c>
      <c r="AY18" s="1" t="s">
        <v>519</v>
      </c>
      <c r="AZ18" s="1"/>
      <c r="BA18" s="1"/>
      <c r="BB18" s="1"/>
      <c r="BC18" s="1"/>
      <c r="BD18" s="1"/>
      <c r="BE18" s="1" t="s">
        <v>522</v>
      </c>
      <c r="BF18" s="1" t="s">
        <v>522</v>
      </c>
      <c r="BG18" s="1" t="s">
        <v>517</v>
      </c>
      <c r="BH18" s="1">
        <v>0.08</v>
      </c>
      <c r="BI18" s="1">
        <v>6.9999999999999999E-4</v>
      </c>
      <c r="BJ18" s="1"/>
      <c r="BK18" s="1"/>
      <c r="BL18" s="1" t="s">
        <v>519</v>
      </c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1</v>
      </c>
      <c r="B19" s="2">
        <v>0.43055555555555558</v>
      </c>
      <c r="C19" s="1" t="s">
        <v>483</v>
      </c>
      <c r="D19" s="1" t="s">
        <v>64</v>
      </c>
      <c r="E19" s="1" t="s">
        <v>53</v>
      </c>
      <c r="F19" s="1" t="s">
        <v>150</v>
      </c>
      <c r="G19" s="1" t="s">
        <v>151</v>
      </c>
      <c r="J19" s="1" t="s">
        <v>30</v>
      </c>
      <c r="K19" s="1" t="s">
        <v>152</v>
      </c>
      <c r="M19" s="1" t="s">
        <v>77</v>
      </c>
      <c r="N19" s="1" t="s">
        <v>33</v>
      </c>
      <c r="O19" s="1" t="s">
        <v>84</v>
      </c>
      <c r="P19" s="1" t="s">
        <v>35</v>
      </c>
      <c r="Q19" s="1" t="s">
        <v>58</v>
      </c>
      <c r="S19" s="1" t="s">
        <v>100</v>
      </c>
      <c r="U19" s="1">
        <v>6.6</v>
      </c>
      <c r="V19" s="3">
        <v>79</v>
      </c>
      <c r="W19" s="1" t="s">
        <v>514</v>
      </c>
      <c r="X19" s="1">
        <v>0.36</v>
      </c>
      <c r="Y19" s="1">
        <v>3.2000000000000001E-2</v>
      </c>
      <c r="Z19" s="1">
        <v>7.1000000000000004E-3</v>
      </c>
      <c r="AA19" s="1" t="s">
        <v>552</v>
      </c>
      <c r="AB19" s="1" t="s">
        <v>569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17</v>
      </c>
      <c r="BD19" s="1">
        <v>0.22</v>
      </c>
      <c r="BE19" s="1"/>
      <c r="BF19" s="1"/>
      <c r="BG19" s="1"/>
      <c r="BH19" s="1"/>
      <c r="BI19" s="1"/>
      <c r="BJ19" s="1"/>
      <c r="BK19" s="1"/>
      <c r="BL19" s="1"/>
      <c r="BM19" s="1">
        <v>0.06</v>
      </c>
      <c r="BN19" s="1">
        <v>0.02</v>
      </c>
      <c r="BO19" s="1"/>
      <c r="BP19" s="1"/>
      <c r="BQ19" s="1">
        <v>30.4</v>
      </c>
      <c r="BR19" s="1"/>
      <c r="BS19" s="1"/>
      <c r="BT19" s="1">
        <v>0.9</v>
      </c>
      <c r="BU19" s="1"/>
      <c r="BV19" s="1"/>
      <c r="BW19" s="1"/>
      <c r="BX19" s="1"/>
      <c r="BY19" s="1"/>
      <c r="BZ19" s="1"/>
    </row>
    <row r="20" spans="1:78" x14ac:dyDescent="0.15">
      <c r="B20" s="2">
        <v>0.43055555555555558</v>
      </c>
      <c r="C20" s="1" t="s">
        <v>485</v>
      </c>
      <c r="G20" s="1" t="s">
        <v>153</v>
      </c>
      <c r="J20" s="1" t="s">
        <v>154</v>
      </c>
      <c r="P20" s="1" t="s">
        <v>35</v>
      </c>
      <c r="Q20" s="1" t="s">
        <v>58</v>
      </c>
      <c r="S20" s="1" t="s">
        <v>87</v>
      </c>
      <c r="U20" s="1">
        <v>6.7</v>
      </c>
      <c r="V20" s="1"/>
      <c r="W20" s="1"/>
      <c r="X20" s="1">
        <v>0.17</v>
      </c>
      <c r="Y20" s="1">
        <v>1.0999999999999999E-2</v>
      </c>
      <c r="Z20" s="1">
        <v>7.9000000000000008E-3</v>
      </c>
      <c r="AA20" s="1" t="s">
        <v>552</v>
      </c>
      <c r="AB20" s="1" t="s">
        <v>563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05</v>
      </c>
      <c r="BD20" s="1">
        <v>0.1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7.0000000000000001E-3</v>
      </c>
      <c r="BO20" s="1"/>
      <c r="BP20" s="1"/>
      <c r="BQ20" s="1">
        <v>33.47999999999999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43055555555555558</v>
      </c>
      <c r="C21" s="1" t="s">
        <v>551</v>
      </c>
      <c r="D21" s="1"/>
      <c r="E21" s="1"/>
      <c r="F21" s="1"/>
      <c r="G21" s="1"/>
      <c r="H21" s="1"/>
      <c r="I21" s="1"/>
      <c r="J21" s="1">
        <v>7.4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 t="s">
        <v>555</v>
      </c>
      <c r="AB21" s="1" t="s">
        <v>555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88</v>
      </c>
      <c r="B22" s="2">
        <v>0.375</v>
      </c>
      <c r="C22" s="1" t="s">
        <v>483</v>
      </c>
      <c r="D22" s="1" t="s">
        <v>64</v>
      </c>
      <c r="E22" s="1" t="s">
        <v>53</v>
      </c>
      <c r="F22" s="1" t="s">
        <v>155</v>
      </c>
      <c r="G22" s="1" t="s">
        <v>55</v>
      </c>
      <c r="J22" s="1" t="s">
        <v>30</v>
      </c>
      <c r="K22" s="1" t="s">
        <v>156</v>
      </c>
      <c r="M22" s="1" t="s">
        <v>56</v>
      </c>
      <c r="N22" s="1" t="s">
        <v>33</v>
      </c>
      <c r="O22" s="1" t="s">
        <v>34</v>
      </c>
      <c r="P22" s="1" t="s">
        <v>35</v>
      </c>
      <c r="Q22" s="1" t="s">
        <v>58</v>
      </c>
      <c r="S22" s="1" t="s">
        <v>100</v>
      </c>
      <c r="U22" s="1">
        <v>7</v>
      </c>
      <c r="V22" s="3">
        <v>110</v>
      </c>
      <c r="W22" s="1" t="s">
        <v>514</v>
      </c>
      <c r="X22" s="1">
        <v>0.3</v>
      </c>
      <c r="Y22" s="1">
        <v>2.1000000000000001E-2</v>
      </c>
      <c r="Z22" s="1">
        <v>5.0000000000000001E-3</v>
      </c>
      <c r="AA22" s="1" t="s">
        <v>552</v>
      </c>
      <c r="AB22" s="1" t="s">
        <v>570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01</v>
      </c>
      <c r="BC22" s="1">
        <v>0.13</v>
      </c>
      <c r="BD22" s="1">
        <v>0.18</v>
      </c>
      <c r="BE22" s="1"/>
      <c r="BF22" s="1"/>
      <c r="BG22" s="1"/>
      <c r="BH22" s="1"/>
      <c r="BI22" s="1"/>
      <c r="BJ22" s="1"/>
      <c r="BK22" s="1"/>
      <c r="BL22" s="1"/>
      <c r="BM22" s="1">
        <v>7.0000000000000007E-2</v>
      </c>
      <c r="BN22" s="1">
        <v>1.6E-2</v>
      </c>
      <c r="BO22" s="1"/>
      <c r="BP22" s="1"/>
      <c r="BQ22" s="1">
        <v>31.49</v>
      </c>
      <c r="BR22" s="1"/>
      <c r="BS22" s="1"/>
      <c r="BT22" s="1">
        <v>0.9</v>
      </c>
      <c r="BU22" s="1"/>
      <c r="BV22" s="1"/>
      <c r="BW22" s="1"/>
      <c r="BX22" s="1"/>
      <c r="BY22" s="1"/>
      <c r="BZ22" s="1"/>
    </row>
    <row r="23" spans="1:78" x14ac:dyDescent="0.15">
      <c r="B23" s="2">
        <v>0.375</v>
      </c>
      <c r="C23" s="1" t="s">
        <v>485</v>
      </c>
      <c r="G23" s="1" t="s">
        <v>90</v>
      </c>
      <c r="J23" s="1" t="s">
        <v>152</v>
      </c>
      <c r="P23" s="1" t="s">
        <v>35</v>
      </c>
      <c r="Q23" s="1" t="s">
        <v>58</v>
      </c>
      <c r="S23" s="1" t="s">
        <v>100</v>
      </c>
      <c r="U23" s="1">
        <v>6.7</v>
      </c>
      <c r="V23" s="1"/>
      <c r="W23" s="1"/>
      <c r="X23" s="1">
        <v>0.12</v>
      </c>
      <c r="Y23" s="1">
        <v>1.4E-2</v>
      </c>
      <c r="Z23" s="1">
        <v>6.8999999999999999E-3</v>
      </c>
      <c r="AA23" s="1" t="s">
        <v>552</v>
      </c>
      <c r="AB23" s="1" t="s">
        <v>567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>
        <v>0.02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>
        <v>0.06</v>
      </c>
      <c r="BN23" s="1">
        <v>0.01</v>
      </c>
      <c r="BO23" s="1"/>
      <c r="BP23" s="1"/>
      <c r="BQ23" s="1">
        <v>33.6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375</v>
      </c>
      <c r="C24" s="1" t="s">
        <v>551</v>
      </c>
      <c r="D24" s="1"/>
      <c r="E24" s="1"/>
      <c r="F24" s="1"/>
      <c r="G24" s="1"/>
      <c r="H24" s="1"/>
      <c r="I24" s="1"/>
      <c r="J24" s="1">
        <v>7.9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 t="s">
        <v>555</v>
      </c>
      <c r="AB24" s="1" t="s">
        <v>555</v>
      </c>
      <c r="AC24" s="1" t="s">
        <v>515</v>
      </c>
      <c r="AD24" s="1" t="s">
        <v>516</v>
      </c>
      <c r="AE24" s="1" t="s">
        <v>517</v>
      </c>
      <c r="AF24" s="1" t="s">
        <v>518</v>
      </c>
      <c r="AG24" s="1" t="s">
        <v>519</v>
      </c>
      <c r="AH24" s="1" t="s">
        <v>517</v>
      </c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94</v>
      </c>
      <c r="B25" s="2">
        <v>0.37847222222222227</v>
      </c>
      <c r="C25" s="1" t="s">
        <v>483</v>
      </c>
      <c r="D25" s="1" t="s">
        <v>64</v>
      </c>
      <c r="E25" s="1" t="s">
        <v>95</v>
      </c>
      <c r="F25" s="1" t="s">
        <v>105</v>
      </c>
      <c r="G25" s="1" t="s">
        <v>54</v>
      </c>
      <c r="J25" s="1" t="s">
        <v>30</v>
      </c>
      <c r="K25" s="1" t="s">
        <v>134</v>
      </c>
      <c r="M25" s="1" t="s">
        <v>45</v>
      </c>
      <c r="N25" s="1" t="s">
        <v>33</v>
      </c>
      <c r="O25" s="1" t="s">
        <v>34</v>
      </c>
      <c r="P25" s="1" t="s">
        <v>35</v>
      </c>
      <c r="Q25" s="1" t="s">
        <v>58</v>
      </c>
      <c r="S25" s="1" t="s">
        <v>87</v>
      </c>
      <c r="U25" s="1">
        <v>7</v>
      </c>
      <c r="V25" s="3">
        <v>49</v>
      </c>
      <c r="W25" s="1" t="s">
        <v>514</v>
      </c>
      <c r="X25" s="1">
        <v>0.12</v>
      </c>
      <c r="Y25" s="1">
        <v>1.4E-2</v>
      </c>
      <c r="Z25" s="1">
        <v>3.5999999999999999E-3</v>
      </c>
      <c r="AA25" s="1" t="s">
        <v>552</v>
      </c>
      <c r="AB25" s="1" t="s">
        <v>571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2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8.9999999999999993E-3</v>
      </c>
      <c r="BO25" s="1"/>
      <c r="BP25" s="1"/>
      <c r="BQ25" s="1">
        <v>33.020000000000003</v>
      </c>
      <c r="BR25" s="1"/>
      <c r="BS25" s="1"/>
      <c r="BT25" s="1">
        <v>1.6</v>
      </c>
      <c r="BU25" s="1"/>
      <c r="BV25" s="1"/>
      <c r="BW25" s="1"/>
      <c r="BX25" s="1"/>
      <c r="BY25" s="1"/>
      <c r="BZ25" s="1"/>
    </row>
    <row r="26" spans="1:78" x14ac:dyDescent="0.15">
      <c r="B26" s="2">
        <v>0.37847222222222227</v>
      </c>
      <c r="C26" s="1" t="s">
        <v>485</v>
      </c>
      <c r="G26" s="1" t="s">
        <v>157</v>
      </c>
      <c r="J26" s="1" t="s">
        <v>137</v>
      </c>
      <c r="P26" s="1" t="s">
        <v>35</v>
      </c>
      <c r="Q26" s="1" t="s">
        <v>58</v>
      </c>
      <c r="S26" s="1" t="s">
        <v>158</v>
      </c>
      <c r="U26" s="1">
        <v>6.9</v>
      </c>
      <c r="V26" s="1"/>
      <c r="W26" s="1"/>
      <c r="X26" s="1">
        <v>0.1</v>
      </c>
      <c r="Y26" s="1">
        <v>8.9999999999999993E-3</v>
      </c>
      <c r="Z26" s="1">
        <v>5.1000000000000004E-3</v>
      </c>
      <c r="AA26" s="1" t="s">
        <v>552</v>
      </c>
      <c r="AB26" s="1" t="s">
        <v>572</v>
      </c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2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5.0000000000000001E-3</v>
      </c>
      <c r="BO26" s="1"/>
      <c r="BP26" s="1"/>
      <c r="BQ26" s="1">
        <v>33.08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37847222222222227</v>
      </c>
      <c r="C27" s="1" t="s">
        <v>551</v>
      </c>
      <c r="D27" s="1"/>
      <c r="E27" s="1"/>
      <c r="F27" s="1"/>
      <c r="G27" s="1"/>
      <c r="H27" s="1"/>
      <c r="I27" s="1"/>
      <c r="J27" s="1">
        <v>7.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 t="s">
        <v>520</v>
      </c>
      <c r="AS27" s="1" t="s">
        <v>520</v>
      </c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103</v>
      </c>
      <c r="B28" s="2">
        <v>0.375</v>
      </c>
      <c r="C28" s="1" t="s">
        <v>483</v>
      </c>
      <c r="D28" s="1" t="s">
        <v>64</v>
      </c>
      <c r="E28" s="1" t="s">
        <v>486</v>
      </c>
      <c r="F28" s="1" t="s">
        <v>96</v>
      </c>
      <c r="G28" s="1" t="s">
        <v>159</v>
      </c>
      <c r="J28" s="1" t="s">
        <v>30</v>
      </c>
      <c r="K28" s="1" t="s">
        <v>160</v>
      </c>
      <c r="M28" s="1" t="s">
        <v>49</v>
      </c>
      <c r="N28" s="1" t="s">
        <v>33</v>
      </c>
      <c r="O28" s="1" t="s">
        <v>84</v>
      </c>
      <c r="P28" s="1" t="s">
        <v>35</v>
      </c>
      <c r="Q28" s="1" t="s">
        <v>58</v>
      </c>
      <c r="S28" s="1" t="s">
        <v>30</v>
      </c>
      <c r="U28" s="1">
        <v>7</v>
      </c>
      <c r="V28" s="3">
        <v>240</v>
      </c>
      <c r="W28" s="1" t="s">
        <v>514</v>
      </c>
      <c r="X28" s="1">
        <v>0.3</v>
      </c>
      <c r="Y28" s="1">
        <v>1.7000000000000001E-2</v>
      </c>
      <c r="Z28" s="1">
        <v>5.7000000000000002E-3</v>
      </c>
      <c r="AA28" t="s">
        <v>552</v>
      </c>
      <c r="AB28" t="s">
        <v>57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>
        <v>0.01</v>
      </c>
      <c r="BC28" s="1">
        <v>0.09</v>
      </c>
      <c r="BD28" s="1">
        <v>0.14000000000000001</v>
      </c>
      <c r="BF28" s="1"/>
      <c r="BG28" s="1"/>
      <c r="BH28" s="1"/>
      <c r="BI28" s="1"/>
      <c r="BJ28" s="1"/>
      <c r="BK28" s="1"/>
      <c r="BL28" s="1"/>
      <c r="BM28" s="1">
        <v>0.05</v>
      </c>
      <c r="BN28" s="1">
        <v>5.0000000000000001E-3</v>
      </c>
      <c r="BO28" s="1"/>
      <c r="BP28" s="1"/>
      <c r="BQ28" s="1">
        <v>32.79</v>
      </c>
      <c r="BR28" s="1"/>
      <c r="BS28" s="1"/>
      <c r="BT28" s="1">
        <v>0.8</v>
      </c>
      <c r="BU28" s="1"/>
      <c r="BV28" s="1"/>
      <c r="BW28" s="1"/>
      <c r="BX28" s="1"/>
      <c r="BY28" s="1"/>
      <c r="BZ28" s="1"/>
    </row>
    <row r="29" spans="1:78" x14ac:dyDescent="0.15">
      <c r="B29" s="2">
        <v>0.375</v>
      </c>
      <c r="C29" s="1" t="s">
        <v>485</v>
      </c>
      <c r="G29" s="1" t="s">
        <v>104</v>
      </c>
      <c r="J29" s="1" t="s">
        <v>161</v>
      </c>
      <c r="P29" s="1" t="s">
        <v>35</v>
      </c>
      <c r="Q29" s="1" t="s">
        <v>58</v>
      </c>
      <c r="S29" s="1" t="s">
        <v>30</v>
      </c>
      <c r="U29" s="1">
        <v>6.9</v>
      </c>
      <c r="V29" s="1"/>
      <c r="W29" s="1"/>
      <c r="X29" s="1">
        <v>0.16</v>
      </c>
      <c r="Y29" s="1">
        <v>1.2E-2</v>
      </c>
      <c r="Z29" s="1">
        <v>2.8E-3</v>
      </c>
      <c r="AA29" t="s">
        <v>552</v>
      </c>
      <c r="AB29" t="s">
        <v>574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>
        <v>0.01</v>
      </c>
      <c r="BC29" s="1">
        <v>0.03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4.0000000000000001E-3</v>
      </c>
      <c r="BO29" s="1"/>
      <c r="BP29" s="1"/>
      <c r="BQ29" s="1">
        <v>33.34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375</v>
      </c>
      <c r="C30" s="1" t="s">
        <v>551</v>
      </c>
      <c r="D30" s="1"/>
      <c r="E30" s="1"/>
      <c r="F30" s="1"/>
      <c r="G30" s="1"/>
      <c r="H30" s="1"/>
      <c r="I30" s="1"/>
      <c r="J30" s="1">
        <v>7.6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t="s">
        <v>555</v>
      </c>
      <c r="AB30" t="s">
        <v>555</v>
      </c>
      <c r="AC30" s="1" t="s">
        <v>515</v>
      </c>
      <c r="AD30" s="1" t="s">
        <v>516</v>
      </c>
      <c r="AE30" s="1" t="s">
        <v>517</v>
      </c>
      <c r="AF30" s="1" t="s">
        <v>518</v>
      </c>
      <c r="AG30" s="1" t="s">
        <v>519</v>
      </c>
      <c r="AH30" s="1" t="s">
        <v>517</v>
      </c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08</v>
      </c>
      <c r="B31" s="2">
        <v>0.41319444444444442</v>
      </c>
      <c r="C31" s="1" t="s">
        <v>483</v>
      </c>
      <c r="D31" s="1" t="s">
        <v>27</v>
      </c>
      <c r="E31" s="1" t="s">
        <v>53</v>
      </c>
      <c r="F31" s="1" t="s">
        <v>58</v>
      </c>
      <c r="G31" s="1" t="s">
        <v>109</v>
      </c>
      <c r="J31" s="1" t="s">
        <v>30</v>
      </c>
      <c r="K31" s="1" t="s">
        <v>127</v>
      </c>
      <c r="M31" s="1" t="s">
        <v>116</v>
      </c>
      <c r="N31" s="1" t="s">
        <v>33</v>
      </c>
      <c r="O31" s="1" t="s">
        <v>84</v>
      </c>
      <c r="P31" s="1" t="s">
        <v>35</v>
      </c>
      <c r="Q31" s="1" t="s">
        <v>40</v>
      </c>
      <c r="S31" s="1" t="s">
        <v>50</v>
      </c>
      <c r="U31" s="1">
        <v>7.5</v>
      </c>
      <c r="V31" s="1" t="s">
        <v>521</v>
      </c>
      <c r="W31" s="1" t="s">
        <v>514</v>
      </c>
      <c r="X31" s="1">
        <v>0.15</v>
      </c>
      <c r="Y31" s="1">
        <v>1.4E-2</v>
      </c>
      <c r="Z31" s="1">
        <v>6.6E-3</v>
      </c>
      <c r="AA31" t="s">
        <v>552</v>
      </c>
      <c r="AB31" t="s">
        <v>57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>
        <v>0.01</v>
      </c>
      <c r="BC31" s="1">
        <v>0.06</v>
      </c>
      <c r="BD31" s="1">
        <v>0.1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2E-2</v>
      </c>
      <c r="BO31" s="1"/>
      <c r="BP31" s="1"/>
      <c r="BQ31" s="1">
        <v>33.04</v>
      </c>
      <c r="BR31" s="1"/>
      <c r="BS31" s="1"/>
      <c r="BT31" s="1" t="s">
        <v>514</v>
      </c>
      <c r="BU31" s="1"/>
      <c r="BV31" s="1"/>
      <c r="BW31" s="1"/>
      <c r="BX31" s="1"/>
      <c r="BY31" s="1"/>
      <c r="BZ31" s="1"/>
    </row>
    <row r="32" spans="1:78" x14ac:dyDescent="0.15">
      <c r="B32" s="2">
        <v>0.41319444444444442</v>
      </c>
      <c r="C32" s="1" t="s">
        <v>485</v>
      </c>
      <c r="G32" s="1" t="s">
        <v>162</v>
      </c>
      <c r="J32" s="1" t="s">
        <v>140</v>
      </c>
      <c r="P32" s="1" t="s">
        <v>35</v>
      </c>
      <c r="Q32" s="1" t="s">
        <v>40</v>
      </c>
      <c r="S32" s="1" t="s">
        <v>123</v>
      </c>
      <c r="U32" s="1">
        <v>7.7</v>
      </c>
      <c r="V32" s="1"/>
      <c r="W32" s="1"/>
      <c r="X32" s="1">
        <v>0.1</v>
      </c>
      <c r="Y32" s="1">
        <v>1.2999999999999999E-2</v>
      </c>
      <c r="Z32" s="1">
        <v>4.4999999999999997E-3</v>
      </c>
      <c r="AA32" t="s">
        <v>552</v>
      </c>
      <c r="AB32" t="s">
        <v>575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0.04</v>
      </c>
      <c r="BD32" s="1" t="s">
        <v>529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0999999999999999E-2</v>
      </c>
      <c r="BO32" s="1"/>
      <c r="BP32" s="1"/>
      <c r="BQ32" s="1">
        <v>33.64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A33" s="1"/>
      <c r="B33" s="2">
        <v>0.41319444444444442</v>
      </c>
      <c r="C33" s="1" t="s">
        <v>551</v>
      </c>
      <c r="D33" s="1"/>
      <c r="E33" s="1"/>
      <c r="F33" s="1"/>
      <c r="G33" s="1"/>
      <c r="H33" s="1"/>
      <c r="I33" s="1"/>
      <c r="J33" s="1">
        <v>7.25</v>
      </c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t="s">
        <v>552</v>
      </c>
      <c r="AB33" t="s">
        <v>576</v>
      </c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2</v>
      </c>
      <c r="B34" s="2">
        <v>0.3888888888888889</v>
      </c>
      <c r="C34" s="1" t="s">
        <v>483</v>
      </c>
      <c r="D34" s="1" t="s">
        <v>113</v>
      </c>
      <c r="E34" s="1" t="s">
        <v>53</v>
      </c>
      <c r="F34" s="1" t="s">
        <v>45</v>
      </c>
      <c r="G34" s="1" t="s">
        <v>163</v>
      </c>
      <c r="J34" s="1" t="s">
        <v>30</v>
      </c>
      <c r="K34" s="1" t="s">
        <v>127</v>
      </c>
      <c r="M34" s="1" t="s">
        <v>36</v>
      </c>
      <c r="N34" s="1" t="s">
        <v>33</v>
      </c>
      <c r="O34" s="1" t="s">
        <v>34</v>
      </c>
      <c r="P34" s="1" t="s">
        <v>35</v>
      </c>
      <c r="Q34" s="1" t="s">
        <v>40</v>
      </c>
      <c r="S34" s="1" t="s">
        <v>37</v>
      </c>
      <c r="U34" s="1">
        <v>7.8</v>
      </c>
      <c r="V34" s="3">
        <v>2</v>
      </c>
      <c r="W34" s="1" t="s">
        <v>514</v>
      </c>
      <c r="X34" s="1">
        <v>0.33</v>
      </c>
      <c r="Y34" s="1">
        <v>1.7999999999999999E-2</v>
      </c>
      <c r="Z34" s="1">
        <v>2.2000000000000001E-3</v>
      </c>
      <c r="AA34" t="s">
        <v>552</v>
      </c>
      <c r="AB34" t="s">
        <v>564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>
        <v>0.02</v>
      </c>
      <c r="BC34" s="1">
        <v>0.06</v>
      </c>
      <c r="BD34" s="1">
        <v>0.11</v>
      </c>
      <c r="BF34" s="1"/>
      <c r="BG34" s="1"/>
      <c r="BH34" s="1"/>
      <c r="BI34" s="1"/>
      <c r="BJ34" s="1"/>
      <c r="BK34" s="1"/>
      <c r="BL34" s="1"/>
      <c r="BM34" s="1">
        <v>0.04</v>
      </c>
      <c r="BN34" s="1">
        <v>1.4E-2</v>
      </c>
      <c r="BO34" s="1"/>
      <c r="BP34" s="1"/>
      <c r="BQ34" s="1">
        <v>33.18</v>
      </c>
      <c r="BR34" s="1" t="s">
        <v>537</v>
      </c>
      <c r="BS34" s="1" t="s">
        <v>522</v>
      </c>
      <c r="BT34" s="1">
        <v>1.3</v>
      </c>
      <c r="BU34" s="1"/>
      <c r="BV34" s="1"/>
      <c r="BW34" s="1"/>
      <c r="BX34" s="1"/>
      <c r="BY34" s="1"/>
      <c r="BZ34" s="1"/>
    </row>
    <row r="35" spans="1:78" x14ac:dyDescent="0.15">
      <c r="B35" s="2">
        <v>0.3888888888888889</v>
      </c>
      <c r="C35" s="1" t="s">
        <v>485</v>
      </c>
      <c r="G35" s="1" t="s">
        <v>154</v>
      </c>
      <c r="J35" s="1" t="s">
        <v>140</v>
      </c>
      <c r="P35" s="1" t="s">
        <v>35</v>
      </c>
      <c r="Q35" s="1" t="s">
        <v>40</v>
      </c>
      <c r="S35" s="1" t="s">
        <v>93</v>
      </c>
      <c r="U35" s="1">
        <v>7.8</v>
      </c>
      <c r="V35" s="1"/>
      <c r="W35" s="1"/>
      <c r="X35" s="1">
        <v>0.28000000000000003</v>
      </c>
      <c r="Y35" s="1">
        <v>1.7999999999999999E-2</v>
      </c>
      <c r="Z35" s="1">
        <v>2.5999999999999999E-3</v>
      </c>
      <c r="AA35" t="s">
        <v>555</v>
      </c>
      <c r="AB35" t="s">
        <v>555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>
        <v>0.01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1.2E-2</v>
      </c>
      <c r="BO35" s="1"/>
      <c r="BP35" s="1"/>
      <c r="BQ35" s="1">
        <v>33.7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A36" s="1"/>
      <c r="B36" s="2">
        <v>0.3888888888888889</v>
      </c>
      <c r="C36" s="1" t="s">
        <v>551</v>
      </c>
      <c r="D36" s="1"/>
      <c r="E36" s="1"/>
      <c r="F36" s="1"/>
      <c r="G36" s="1"/>
      <c r="H36" s="1"/>
      <c r="I36" s="1"/>
      <c r="J36" s="1">
        <v>7.3</v>
      </c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t="s">
        <v>552</v>
      </c>
      <c r="AB36" t="s">
        <v>577</v>
      </c>
      <c r="AC36" s="1" t="s">
        <v>515</v>
      </c>
      <c r="AD36" s="1" t="s">
        <v>516</v>
      </c>
      <c r="AE36" s="1" t="s">
        <v>517</v>
      </c>
      <c r="AF36" s="1" t="s">
        <v>518</v>
      </c>
      <c r="AG36" s="1" t="s">
        <v>519</v>
      </c>
      <c r="AH36" s="1" t="s">
        <v>517</v>
      </c>
      <c r="AI36" s="1"/>
      <c r="AJ36" s="1" t="s">
        <v>517</v>
      </c>
      <c r="AK36" s="1" t="s">
        <v>520</v>
      </c>
      <c r="AL36" s="1" t="s">
        <v>520</v>
      </c>
      <c r="AM36" s="1" t="s">
        <v>520</v>
      </c>
      <c r="AN36" s="1" t="s">
        <v>520</v>
      </c>
      <c r="AO36" s="1" t="s">
        <v>520</v>
      </c>
      <c r="AP36" t="s">
        <v>520</v>
      </c>
      <c r="AQ36" s="1" t="s">
        <v>520</v>
      </c>
      <c r="AR36" s="1" t="s">
        <v>520</v>
      </c>
      <c r="AS36" s="1" t="s">
        <v>520</v>
      </c>
      <c r="AT36" s="1" t="s">
        <v>528</v>
      </c>
      <c r="AU36" s="1"/>
      <c r="AV36" s="1"/>
      <c r="AW36" s="1"/>
      <c r="AX36" s="1" t="s">
        <v>520</v>
      </c>
      <c r="AY36" s="1" t="s">
        <v>519</v>
      </c>
      <c r="AZ36" s="1"/>
      <c r="BA36" s="1"/>
      <c r="BB36" s="1"/>
      <c r="BC36" s="1"/>
      <c r="BD36" s="1"/>
      <c r="BE36" t="s">
        <v>522</v>
      </c>
      <c r="BF36" s="1" t="s">
        <v>522</v>
      </c>
      <c r="BG36" s="1">
        <v>8.0000000000000004E-4</v>
      </c>
      <c r="BH36" s="1" t="s">
        <v>518</v>
      </c>
      <c r="BI36" s="1" t="s">
        <v>517</v>
      </c>
      <c r="BJ36" s="1"/>
      <c r="BK36" s="1"/>
      <c r="BL36" s="1" t="s">
        <v>519</v>
      </c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  <row r="37" spans="1:78" x14ac:dyDescent="0.15">
      <c r="A37" s="1" t="s">
        <v>118</v>
      </c>
      <c r="B37" s="2">
        <v>0.4375</v>
      </c>
      <c r="C37" s="1" t="s">
        <v>483</v>
      </c>
      <c r="D37" s="1" t="s">
        <v>64</v>
      </c>
      <c r="E37" s="1" t="s">
        <v>484</v>
      </c>
      <c r="F37" s="1" t="s">
        <v>164</v>
      </c>
      <c r="G37" s="1" t="s">
        <v>165</v>
      </c>
      <c r="J37" s="1" t="s">
        <v>30</v>
      </c>
      <c r="K37" s="1" t="s">
        <v>127</v>
      </c>
      <c r="M37" s="1" t="s">
        <v>166</v>
      </c>
      <c r="N37" s="1" t="s">
        <v>33</v>
      </c>
      <c r="O37" s="1" t="s">
        <v>84</v>
      </c>
      <c r="P37" s="1" t="s">
        <v>35</v>
      </c>
      <c r="Q37" s="1" t="s">
        <v>40</v>
      </c>
      <c r="S37" s="1" t="s">
        <v>50</v>
      </c>
      <c r="U37" s="1">
        <v>7.5</v>
      </c>
      <c r="V37" s="1" t="s">
        <v>521</v>
      </c>
      <c r="W37" s="1" t="s">
        <v>514</v>
      </c>
      <c r="X37" s="1">
        <v>0.15</v>
      </c>
      <c r="Y37" s="1">
        <v>1.7000000000000001E-2</v>
      </c>
      <c r="Z37" s="1">
        <v>2E-3</v>
      </c>
      <c r="AA37" t="s">
        <v>552</v>
      </c>
      <c r="AB37" t="s">
        <v>578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>
        <v>0.01</v>
      </c>
      <c r="BC37" s="1">
        <v>0.08</v>
      </c>
      <c r="BD37" s="1">
        <v>0.13</v>
      </c>
      <c r="BF37" s="1"/>
      <c r="BG37" s="1"/>
      <c r="BH37" s="1"/>
      <c r="BI37" s="1"/>
      <c r="BJ37" s="1"/>
      <c r="BK37" s="1"/>
      <c r="BL37" s="1"/>
      <c r="BM37" s="1" t="s">
        <v>536</v>
      </c>
      <c r="BN37" s="1">
        <v>1.2E-2</v>
      </c>
      <c r="BO37" s="1"/>
      <c r="BP37" s="1"/>
      <c r="BQ37" s="1">
        <v>32.68</v>
      </c>
      <c r="BR37" s="1"/>
      <c r="BS37" s="1"/>
      <c r="BT37" s="1" t="s">
        <v>514</v>
      </c>
      <c r="BU37" s="1"/>
      <c r="BV37" s="1"/>
      <c r="BW37" s="1"/>
      <c r="BX37" s="1"/>
      <c r="BY37" s="1"/>
      <c r="BZ37" s="1"/>
    </row>
    <row r="38" spans="1:78" x14ac:dyDescent="0.15">
      <c r="B38" s="2">
        <v>0.4375</v>
      </c>
      <c r="C38" s="1" t="s">
        <v>485</v>
      </c>
      <c r="G38" s="1" t="s">
        <v>167</v>
      </c>
      <c r="J38" s="1" t="s">
        <v>140</v>
      </c>
      <c r="P38" s="1" t="s">
        <v>35</v>
      </c>
      <c r="Q38" s="1" t="s">
        <v>40</v>
      </c>
      <c r="S38" s="1" t="s">
        <v>123</v>
      </c>
      <c r="U38" s="1">
        <v>7.8</v>
      </c>
      <c r="V38" s="1"/>
      <c r="W38" s="1"/>
      <c r="X38" s="1">
        <v>0.13</v>
      </c>
      <c r="Y38" s="1">
        <v>1.0999999999999999E-2</v>
      </c>
      <c r="Z38" s="1">
        <v>1.8E-3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>
        <v>0.01</v>
      </c>
      <c r="BC38" s="1">
        <v>7.0000000000000007E-2</v>
      </c>
      <c r="BD38" s="1">
        <v>0.12</v>
      </c>
      <c r="BF38" s="1"/>
      <c r="BG38" s="1"/>
      <c r="BH38" s="1"/>
      <c r="BI38" s="1"/>
      <c r="BJ38" s="1"/>
      <c r="BK38" s="1"/>
      <c r="BL38" s="1"/>
      <c r="BM38" s="1" t="s">
        <v>536</v>
      </c>
      <c r="BN38" s="1">
        <v>8.9999999999999993E-3</v>
      </c>
      <c r="BO38" s="1"/>
      <c r="BP38" s="1"/>
      <c r="BQ38" s="1">
        <v>33.5</v>
      </c>
      <c r="BR38" s="1"/>
      <c r="BS38" s="1"/>
      <c r="BT38" s="1"/>
      <c r="BU38" s="1"/>
      <c r="BV38" s="1"/>
      <c r="BW38" s="1"/>
      <c r="BX38" s="1"/>
      <c r="BY38" s="1"/>
      <c r="BZ38" s="1"/>
    </row>
    <row r="39" spans="1:78" x14ac:dyDescent="0.15">
      <c r="A39" s="1"/>
      <c r="B39" s="2">
        <v>0.4375</v>
      </c>
      <c r="C39" s="1" t="s">
        <v>551</v>
      </c>
      <c r="D39" s="1"/>
      <c r="E39" s="1"/>
      <c r="F39" s="1"/>
      <c r="G39" s="1"/>
      <c r="H39" s="1"/>
      <c r="I39" s="1"/>
      <c r="J39" s="1">
        <v>7.3</v>
      </c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Q39" s="1"/>
      <c r="AR39" s="1"/>
      <c r="AS39" s="1"/>
      <c r="AT39" s="1"/>
      <c r="AU39" s="1" t="s">
        <v>517</v>
      </c>
      <c r="AV39" s="1" t="s">
        <v>515</v>
      </c>
      <c r="AW39" s="1" t="s">
        <v>515</v>
      </c>
      <c r="AX39" s="1"/>
      <c r="AY39" s="1"/>
      <c r="AZ39" s="1"/>
      <c r="BA39" s="1"/>
      <c r="BB39" s="1"/>
      <c r="BC39" s="1"/>
      <c r="BD39" s="1"/>
      <c r="BF39" s="1"/>
      <c r="BG39" s="1"/>
      <c r="BH39" s="1"/>
      <c r="BI39" s="1"/>
      <c r="BJ39" s="1"/>
      <c r="BK39" s="1" t="s">
        <v>517</v>
      </c>
      <c r="BL39" s="1"/>
      <c r="BM39" s="1"/>
      <c r="BN39" s="1"/>
      <c r="BO39" s="1"/>
      <c r="BP39" s="1"/>
      <c r="BQ39" s="1"/>
      <c r="BR39" s="1"/>
      <c r="BS39" s="1"/>
      <c r="BT39" s="1"/>
      <c r="BU39" s="1"/>
      <c r="BV39" s="1"/>
      <c r="BW39" s="1"/>
      <c r="BX39" s="1"/>
      <c r="BY39" s="1"/>
      <c r="BZ39" s="1"/>
    </row>
  </sheetData>
  <phoneticPr fontId="18"/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510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5000000000000003</v>
      </c>
      <c r="C4" s="1" t="s">
        <v>483</v>
      </c>
      <c r="D4" s="1" t="s">
        <v>27</v>
      </c>
      <c r="E4" s="1" t="s">
        <v>341</v>
      </c>
      <c r="F4" s="1" t="s">
        <v>125</v>
      </c>
      <c r="G4" s="1" t="s">
        <v>198</v>
      </c>
      <c r="J4" s="1" t="s">
        <v>30</v>
      </c>
      <c r="K4" s="1" t="s">
        <v>417</v>
      </c>
      <c r="M4" s="1" t="s">
        <v>231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37</v>
      </c>
      <c r="U4" s="1">
        <v>8.5</v>
      </c>
      <c r="V4" s="1"/>
      <c r="W4" s="1"/>
      <c r="X4" s="1">
        <v>0.12</v>
      </c>
      <c r="Y4" s="1">
        <v>1.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5</v>
      </c>
      <c r="BD4" s="1">
        <v>0.1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4999999999999999E-2</v>
      </c>
      <c r="BO4" s="1"/>
      <c r="BP4" s="1"/>
      <c r="BQ4" s="1">
        <v>33.96</v>
      </c>
      <c r="BR4" s="1"/>
      <c r="BS4" s="1"/>
      <c r="BT4" s="1">
        <v>0.5</v>
      </c>
      <c r="BU4" s="1"/>
      <c r="BV4" s="1"/>
      <c r="BW4" s="1"/>
      <c r="BX4" s="1"/>
      <c r="BY4" s="1"/>
      <c r="BZ4" s="1"/>
    </row>
    <row r="5" spans="1:78" x14ac:dyDescent="0.15">
      <c r="B5" s="2">
        <v>0.35000000000000003</v>
      </c>
      <c r="C5" s="1" t="s">
        <v>485</v>
      </c>
      <c r="D5" s="1" t="s">
        <v>27</v>
      </c>
      <c r="E5" s="1" t="s">
        <v>341</v>
      </c>
      <c r="G5" s="1" t="s">
        <v>198</v>
      </c>
      <c r="J5" s="1" t="s">
        <v>287</v>
      </c>
      <c r="N5" s="1" t="s">
        <v>33</v>
      </c>
      <c r="P5" s="1" t="s">
        <v>35</v>
      </c>
      <c r="Q5" s="1" t="s">
        <v>58</v>
      </c>
      <c r="S5" s="1" t="s">
        <v>93</v>
      </c>
      <c r="U5" s="1">
        <v>8.3000000000000007</v>
      </c>
      <c r="V5" s="1"/>
      <c r="W5" s="1"/>
      <c r="X5" s="1">
        <v>0.13</v>
      </c>
      <c r="Y5" s="1">
        <v>1.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4</v>
      </c>
      <c r="BD5" s="1" t="s">
        <v>529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7000000000000001E-2</v>
      </c>
      <c r="BO5" s="1"/>
      <c r="BP5" s="1"/>
      <c r="BQ5" s="1">
        <v>34.5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37013888888888885</v>
      </c>
      <c r="C6" s="1" t="s">
        <v>483</v>
      </c>
      <c r="D6" s="1" t="s">
        <v>64</v>
      </c>
      <c r="E6" s="1" t="s">
        <v>95</v>
      </c>
      <c r="F6" s="1" t="s">
        <v>175</v>
      </c>
      <c r="G6" s="1" t="s">
        <v>176</v>
      </c>
      <c r="J6" s="1" t="s">
        <v>30</v>
      </c>
      <c r="K6" s="1" t="s">
        <v>374</v>
      </c>
      <c r="M6" s="1" t="s">
        <v>166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201</v>
      </c>
      <c r="U6" s="1">
        <v>8.3000000000000007</v>
      </c>
      <c r="V6" s="3">
        <v>5</v>
      </c>
      <c r="W6" s="1"/>
      <c r="X6" s="1">
        <v>7.0000000000000007E-2</v>
      </c>
      <c r="Y6" s="1">
        <v>1.4999999999999999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 t="s">
        <v>518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6.0000000000000001E-3</v>
      </c>
      <c r="BO6" s="1"/>
      <c r="BP6" s="1"/>
      <c r="BQ6" s="1">
        <v>34.08</v>
      </c>
      <c r="BR6" s="1"/>
      <c r="BS6" s="1"/>
      <c r="BT6" s="1">
        <v>1</v>
      </c>
      <c r="BU6" s="1"/>
      <c r="BV6" s="1"/>
      <c r="BW6" s="1"/>
      <c r="BX6" s="1"/>
      <c r="BY6" s="1"/>
      <c r="BZ6" s="1"/>
    </row>
    <row r="7" spans="1:78" x14ac:dyDescent="0.15">
      <c r="B7" s="2">
        <v>0.37013888888888885</v>
      </c>
      <c r="C7" s="1" t="s">
        <v>485</v>
      </c>
      <c r="D7" s="1" t="s">
        <v>64</v>
      </c>
      <c r="E7" s="1" t="s">
        <v>95</v>
      </c>
      <c r="G7" s="1" t="s">
        <v>318</v>
      </c>
      <c r="J7" s="1" t="s">
        <v>417</v>
      </c>
      <c r="N7" s="1" t="s">
        <v>33</v>
      </c>
      <c r="P7" s="1" t="s">
        <v>35</v>
      </c>
      <c r="Q7" s="1" t="s">
        <v>58</v>
      </c>
      <c r="S7" s="1" t="s">
        <v>201</v>
      </c>
      <c r="U7" s="1">
        <v>8.3000000000000007</v>
      </c>
      <c r="V7" s="1"/>
      <c r="W7" s="1"/>
      <c r="X7" s="1">
        <v>0.08</v>
      </c>
      <c r="Y7" s="1">
        <v>1.4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 t="s">
        <v>518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8.0000000000000002E-3</v>
      </c>
      <c r="BO7" s="1"/>
      <c r="BP7" s="1"/>
      <c r="BQ7" s="1">
        <v>34.20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35069444444444442</v>
      </c>
      <c r="C8" s="1" t="s">
        <v>483</v>
      </c>
      <c r="D8" s="1" t="s">
        <v>113</v>
      </c>
      <c r="E8" s="1" t="s">
        <v>53</v>
      </c>
      <c r="F8" s="1" t="s">
        <v>402</v>
      </c>
      <c r="G8" s="1" t="s">
        <v>277</v>
      </c>
      <c r="J8" s="1" t="s">
        <v>30</v>
      </c>
      <c r="K8" s="1" t="s">
        <v>275</v>
      </c>
      <c r="M8" s="1" t="s">
        <v>36</v>
      </c>
      <c r="N8" s="1" t="s">
        <v>33</v>
      </c>
      <c r="O8" s="1" t="s">
        <v>171</v>
      </c>
      <c r="P8" s="1" t="s">
        <v>35</v>
      </c>
      <c r="Q8" s="1" t="s">
        <v>141</v>
      </c>
      <c r="S8" s="1" t="s">
        <v>47</v>
      </c>
      <c r="U8" s="1">
        <v>10.7</v>
      </c>
      <c r="V8" s="1"/>
      <c r="W8" s="1"/>
      <c r="X8" s="1">
        <v>0.13</v>
      </c>
      <c r="Y8" s="1">
        <v>1.4999999999999999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3.0000000000000001E-3</v>
      </c>
      <c r="BO8" s="1"/>
      <c r="BP8" s="1"/>
      <c r="BQ8" s="1">
        <v>33.369999999999997</v>
      </c>
      <c r="BR8" s="1"/>
      <c r="BS8" s="1"/>
      <c r="BT8" s="1">
        <v>2.5</v>
      </c>
      <c r="BU8" s="1"/>
      <c r="BV8" s="1"/>
      <c r="BW8" s="1"/>
      <c r="BX8" s="1"/>
      <c r="BY8" s="1"/>
      <c r="BZ8" s="1"/>
    </row>
    <row r="9" spans="1:78" x14ac:dyDescent="0.15">
      <c r="B9" s="2">
        <v>0.35069444444444442</v>
      </c>
      <c r="C9" s="1" t="s">
        <v>485</v>
      </c>
      <c r="D9" s="1" t="s">
        <v>113</v>
      </c>
      <c r="E9" s="1" t="s">
        <v>53</v>
      </c>
      <c r="G9" s="1" t="s">
        <v>180</v>
      </c>
      <c r="J9" s="1" t="s">
        <v>221</v>
      </c>
      <c r="N9" s="1" t="s">
        <v>33</v>
      </c>
      <c r="P9" s="1" t="s">
        <v>35</v>
      </c>
      <c r="Q9" s="1" t="s">
        <v>58</v>
      </c>
      <c r="S9" s="1" t="s">
        <v>201</v>
      </c>
      <c r="U9" s="1">
        <v>7.8</v>
      </c>
      <c r="V9" s="1"/>
      <c r="W9" s="1"/>
      <c r="X9" s="1">
        <v>0.09</v>
      </c>
      <c r="Y9" s="1">
        <v>1.2999999999999999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 t="s">
        <v>518</v>
      </c>
      <c r="BD9" s="1" t="s">
        <v>529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5.0000000000000001E-3</v>
      </c>
      <c r="BO9" s="1"/>
      <c r="BP9" s="1"/>
      <c r="BQ9" s="1">
        <v>34.20000000000000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31944444444444448</v>
      </c>
      <c r="C10" s="1" t="s">
        <v>483</v>
      </c>
      <c r="D10" s="1" t="s">
        <v>64</v>
      </c>
      <c r="E10" s="1" t="s">
        <v>53</v>
      </c>
      <c r="F10" s="1" t="s">
        <v>188</v>
      </c>
      <c r="G10" s="1" t="s">
        <v>55</v>
      </c>
      <c r="J10" s="1" t="s">
        <v>30</v>
      </c>
      <c r="K10" s="1" t="s">
        <v>275</v>
      </c>
      <c r="M10" s="1" t="s">
        <v>83</v>
      </c>
      <c r="N10" s="1" t="s">
        <v>33</v>
      </c>
      <c r="O10" s="1" t="s">
        <v>179</v>
      </c>
      <c r="P10" s="1" t="s">
        <v>35</v>
      </c>
      <c r="Q10" s="1" t="s">
        <v>40</v>
      </c>
      <c r="S10" s="1" t="s">
        <v>251</v>
      </c>
      <c r="U10" s="1">
        <v>8.4</v>
      </c>
      <c r="V10" s="1"/>
      <c r="W10" s="1"/>
      <c r="X10" s="1">
        <v>0.11</v>
      </c>
      <c r="Y10" s="1">
        <v>8.0000000000000002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1E-3</v>
      </c>
      <c r="BO10" s="1"/>
      <c r="BP10" s="1"/>
      <c r="BQ10" s="1">
        <v>33.369999999999997</v>
      </c>
      <c r="BR10" s="1"/>
      <c r="BS10" s="1"/>
      <c r="BT10" s="1">
        <v>1.6</v>
      </c>
      <c r="BU10" s="1"/>
      <c r="BV10" s="1"/>
      <c r="BW10" s="1"/>
      <c r="BX10" s="1"/>
      <c r="BY10" s="1"/>
      <c r="BZ10" s="1"/>
    </row>
    <row r="11" spans="1:78" x14ac:dyDescent="0.15">
      <c r="B11" s="2">
        <v>0.31944444444444448</v>
      </c>
      <c r="C11" s="1" t="s">
        <v>485</v>
      </c>
      <c r="D11" s="1" t="s">
        <v>64</v>
      </c>
      <c r="E11" s="1" t="s">
        <v>53</v>
      </c>
      <c r="G11" s="1" t="s">
        <v>28</v>
      </c>
      <c r="J11" s="1" t="s">
        <v>221</v>
      </c>
      <c r="N11" s="1" t="s">
        <v>33</v>
      </c>
      <c r="P11" s="1" t="s">
        <v>35</v>
      </c>
      <c r="Q11" s="1" t="s">
        <v>40</v>
      </c>
      <c r="S11" s="1" t="s">
        <v>251</v>
      </c>
      <c r="U11" s="1">
        <v>7.5</v>
      </c>
      <c r="V11" s="1"/>
      <c r="W11" s="1"/>
      <c r="X11" s="1">
        <v>0.09</v>
      </c>
      <c r="Y11" s="1">
        <v>1.0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 t="s">
        <v>518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5.0000000000000001E-3</v>
      </c>
      <c r="BO11" s="1"/>
      <c r="BP11" s="1"/>
      <c r="BQ11" s="1">
        <v>34.11999999999999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1944444444444448</v>
      </c>
      <c r="C12" s="1" t="s">
        <v>551</v>
      </c>
      <c r="D12" s="1" t="s">
        <v>64</v>
      </c>
      <c r="E12" s="1" t="s">
        <v>53</v>
      </c>
      <c r="J12" s="1" t="s">
        <v>115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40138888888888885</v>
      </c>
      <c r="C13" s="1" t="s">
        <v>483</v>
      </c>
      <c r="D13" s="1" t="s">
        <v>64</v>
      </c>
      <c r="E13" s="1" t="s">
        <v>53</v>
      </c>
      <c r="F13" s="1" t="s">
        <v>275</v>
      </c>
      <c r="G13" s="1" t="s">
        <v>275</v>
      </c>
      <c r="J13" s="1" t="s">
        <v>30</v>
      </c>
      <c r="K13" s="1" t="s">
        <v>383</v>
      </c>
      <c r="M13" s="1" t="s">
        <v>175</v>
      </c>
      <c r="N13" s="1" t="s">
        <v>33</v>
      </c>
      <c r="O13" s="1" t="s">
        <v>179</v>
      </c>
      <c r="P13" s="1" t="s">
        <v>35</v>
      </c>
      <c r="Q13" s="1" t="s">
        <v>58</v>
      </c>
      <c r="S13" s="1" t="s">
        <v>77</v>
      </c>
      <c r="U13" s="1">
        <v>7.1</v>
      </c>
      <c r="V13" s="3">
        <v>2</v>
      </c>
      <c r="W13" s="1" t="s">
        <v>514</v>
      </c>
      <c r="X13" s="1">
        <v>0.1</v>
      </c>
      <c r="Y13" s="1">
        <v>0.01</v>
      </c>
      <c r="Z13" s="1">
        <v>1E-3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 t="s">
        <v>518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3.0000000000000001E-3</v>
      </c>
      <c r="BO13" s="1"/>
      <c r="BP13" s="1"/>
      <c r="BQ13" s="1">
        <v>33.22</v>
      </c>
      <c r="BR13" s="1"/>
      <c r="BS13" s="1"/>
      <c r="BT13" s="1">
        <v>1.1000000000000001</v>
      </c>
      <c r="BU13" s="1"/>
      <c r="BV13" s="1"/>
      <c r="BW13" s="1"/>
      <c r="BX13" s="1"/>
      <c r="BY13" s="1"/>
      <c r="BZ13" s="1"/>
    </row>
    <row r="14" spans="1:78" x14ac:dyDescent="0.15">
      <c r="B14" s="2">
        <v>0.40138888888888885</v>
      </c>
      <c r="C14" s="1" t="s">
        <v>485</v>
      </c>
      <c r="D14" s="1" t="s">
        <v>64</v>
      </c>
      <c r="E14" s="1" t="s">
        <v>53</v>
      </c>
      <c r="G14" s="1" t="s">
        <v>60</v>
      </c>
      <c r="J14" s="1" t="s">
        <v>275</v>
      </c>
      <c r="N14" s="1" t="s">
        <v>33</v>
      </c>
      <c r="P14" s="1" t="s">
        <v>35</v>
      </c>
      <c r="Q14" s="1" t="s">
        <v>40</v>
      </c>
      <c r="S14" s="1" t="s">
        <v>59</v>
      </c>
      <c r="U14" s="1">
        <v>6.5</v>
      </c>
      <c r="V14" s="1"/>
      <c r="W14" s="1"/>
      <c r="X14" s="1">
        <v>0.12</v>
      </c>
      <c r="Y14" s="1">
        <v>1.4999999999999999E-2</v>
      </c>
      <c r="Z14" s="1">
        <v>1.1000000000000001E-3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03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2999999999999999E-2</v>
      </c>
      <c r="BO14" s="1"/>
      <c r="BP14" s="1"/>
      <c r="BQ14" s="1">
        <v>33.869999999999997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0138888888888885</v>
      </c>
      <c r="C15" s="1" t="s">
        <v>551</v>
      </c>
      <c r="D15" s="1" t="s">
        <v>64</v>
      </c>
      <c r="E15" s="1" t="s">
        <v>53</v>
      </c>
      <c r="J15" s="1" t="s">
        <v>339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37013888888888885</v>
      </c>
      <c r="C16" s="1" t="s">
        <v>483</v>
      </c>
      <c r="D16" s="1" t="s">
        <v>27</v>
      </c>
      <c r="E16" s="1" t="s">
        <v>53</v>
      </c>
      <c r="F16" s="1" t="s">
        <v>199</v>
      </c>
      <c r="G16" s="1" t="s">
        <v>153</v>
      </c>
      <c r="J16" s="1" t="s">
        <v>30</v>
      </c>
      <c r="K16" s="1" t="s">
        <v>287</v>
      </c>
      <c r="M16" s="1" t="s">
        <v>302</v>
      </c>
      <c r="N16" s="1" t="s">
        <v>33</v>
      </c>
      <c r="O16" s="1" t="s">
        <v>186</v>
      </c>
      <c r="P16" s="1" t="s">
        <v>35</v>
      </c>
      <c r="Q16" s="1" t="s">
        <v>58</v>
      </c>
      <c r="S16" s="1" t="s">
        <v>251</v>
      </c>
      <c r="U16" s="1">
        <v>7.3</v>
      </c>
      <c r="V16" s="1"/>
      <c r="W16" s="1"/>
      <c r="X16" s="1">
        <v>0.08</v>
      </c>
      <c r="Y16" s="1">
        <v>8.9999999999999993E-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 t="s">
        <v>518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5.0000000000000001E-3</v>
      </c>
      <c r="BO16" s="1"/>
      <c r="BP16" s="1"/>
      <c r="BQ16" s="1">
        <v>33.46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37013888888888885</v>
      </c>
      <c r="C17" s="1" t="s">
        <v>485</v>
      </c>
      <c r="D17" s="1" t="s">
        <v>27</v>
      </c>
      <c r="E17" s="1" t="s">
        <v>53</v>
      </c>
      <c r="G17" s="1" t="s">
        <v>308</v>
      </c>
      <c r="J17" s="1" t="s">
        <v>322</v>
      </c>
      <c r="N17" s="1" t="s">
        <v>33</v>
      </c>
      <c r="P17" s="1" t="s">
        <v>35</v>
      </c>
      <c r="Q17" s="1" t="s">
        <v>58</v>
      </c>
      <c r="S17" s="1" t="s">
        <v>37</v>
      </c>
      <c r="U17" s="1">
        <v>7.1</v>
      </c>
      <c r="V17" s="1"/>
      <c r="W17" s="1"/>
      <c r="X17" s="1">
        <v>0.06</v>
      </c>
      <c r="Y17" s="1">
        <v>1.0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 t="s">
        <v>518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4.0000000000000001E-3</v>
      </c>
      <c r="BO17" s="1"/>
      <c r="BP17" s="1"/>
      <c r="BQ17" s="1">
        <v>34.54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7013888888888885</v>
      </c>
      <c r="C18" s="1" t="s">
        <v>551</v>
      </c>
      <c r="D18" s="1" t="s">
        <v>27</v>
      </c>
      <c r="E18" s="1" t="s">
        <v>53</v>
      </c>
      <c r="J18" s="1" t="s">
        <v>109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36458333333333331</v>
      </c>
      <c r="C19" s="1" t="s">
        <v>483</v>
      </c>
      <c r="D19" s="1" t="s">
        <v>64</v>
      </c>
      <c r="E19" s="1" t="s">
        <v>53</v>
      </c>
      <c r="F19" s="1" t="s">
        <v>90</v>
      </c>
      <c r="G19" s="1" t="s">
        <v>421</v>
      </c>
      <c r="J19" s="1" t="s">
        <v>30</v>
      </c>
      <c r="K19" s="1" t="s">
        <v>275</v>
      </c>
      <c r="M19" s="1" t="s">
        <v>31</v>
      </c>
      <c r="N19" s="1" t="s">
        <v>33</v>
      </c>
      <c r="O19" s="1" t="s">
        <v>186</v>
      </c>
      <c r="P19" s="1" t="s">
        <v>35</v>
      </c>
      <c r="Q19" s="1" t="s">
        <v>58</v>
      </c>
      <c r="S19" s="1" t="s">
        <v>201</v>
      </c>
      <c r="U19" s="1">
        <v>7.5</v>
      </c>
      <c r="V19" s="1"/>
      <c r="W19" s="1"/>
      <c r="X19" s="1">
        <v>0.05</v>
      </c>
      <c r="Y19" s="1">
        <v>0.0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 t="s">
        <v>518</v>
      </c>
      <c r="BD19" s="1" t="s">
        <v>529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2E-3</v>
      </c>
      <c r="BO19" s="1"/>
      <c r="BP19" s="1"/>
      <c r="BQ19" s="1">
        <v>33.57</v>
      </c>
      <c r="BR19" s="1" t="s">
        <v>537</v>
      </c>
      <c r="BS19" s="1"/>
      <c r="BT19" s="1">
        <v>2.1</v>
      </c>
      <c r="BU19" s="1"/>
      <c r="BV19" s="1"/>
      <c r="BW19" s="1"/>
      <c r="BX19" s="1"/>
      <c r="BY19" s="1"/>
      <c r="BZ19" s="1"/>
    </row>
    <row r="20" spans="1:78" x14ac:dyDescent="0.15">
      <c r="B20" s="2">
        <v>0.36458333333333331</v>
      </c>
      <c r="C20" s="1" t="s">
        <v>485</v>
      </c>
      <c r="D20" s="1" t="s">
        <v>64</v>
      </c>
      <c r="E20" s="1" t="s">
        <v>53</v>
      </c>
      <c r="G20" s="1" t="s">
        <v>307</v>
      </c>
      <c r="J20" s="1" t="s">
        <v>221</v>
      </c>
      <c r="N20" s="1" t="s">
        <v>33</v>
      </c>
      <c r="P20" s="1" t="s">
        <v>35</v>
      </c>
      <c r="Q20" s="1" t="s">
        <v>58</v>
      </c>
      <c r="S20" s="1" t="s">
        <v>93</v>
      </c>
      <c r="U20" s="1">
        <v>7.1</v>
      </c>
      <c r="V20" s="1"/>
      <c r="W20" s="1"/>
      <c r="X20" s="1">
        <v>0.04</v>
      </c>
      <c r="Y20" s="1">
        <v>0.01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 t="s">
        <v>518</v>
      </c>
      <c r="BD20" s="1" t="s">
        <v>529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5.0000000000000001E-3</v>
      </c>
      <c r="BO20" s="1"/>
      <c r="BP20" s="1"/>
      <c r="BQ20" s="1">
        <v>33.7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36458333333333331</v>
      </c>
      <c r="C21" s="1" t="s">
        <v>551</v>
      </c>
      <c r="D21" s="1" t="s">
        <v>64</v>
      </c>
      <c r="E21" s="1" t="s">
        <v>53</v>
      </c>
      <c r="J21" s="1" t="s">
        <v>115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 t="s">
        <v>517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5.9999999999999995E-4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37708333333333338</v>
      </c>
      <c r="C22" s="1" t="s">
        <v>483</v>
      </c>
      <c r="D22" s="1" t="s">
        <v>64</v>
      </c>
      <c r="E22" s="1" t="s">
        <v>484</v>
      </c>
      <c r="F22" s="1" t="s">
        <v>44</v>
      </c>
      <c r="G22" s="1" t="s">
        <v>353</v>
      </c>
      <c r="J22" s="1" t="s">
        <v>30</v>
      </c>
      <c r="K22" s="1" t="s">
        <v>383</v>
      </c>
      <c r="M22" s="1" t="s">
        <v>165</v>
      </c>
      <c r="N22" s="1" t="s">
        <v>33</v>
      </c>
      <c r="O22" s="1" t="s">
        <v>186</v>
      </c>
      <c r="P22" s="1" t="s">
        <v>35</v>
      </c>
      <c r="Q22" s="1" t="s">
        <v>58</v>
      </c>
      <c r="S22" s="1" t="s">
        <v>93</v>
      </c>
      <c r="U22" s="1">
        <v>7.7</v>
      </c>
      <c r="V22" s="1" t="s">
        <v>521</v>
      </c>
      <c r="W22" s="1"/>
      <c r="X22" s="1">
        <v>0.09</v>
      </c>
      <c r="Y22" s="1">
        <v>1.0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>
        <v>0.02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4.0000000000000001E-3</v>
      </c>
      <c r="BO22" s="1"/>
      <c r="BP22" s="1"/>
      <c r="BQ22" s="1">
        <v>33.92</v>
      </c>
      <c r="BR22" s="1"/>
      <c r="BS22" s="1"/>
      <c r="BT22" s="1">
        <v>0.7</v>
      </c>
      <c r="BU22" s="1"/>
      <c r="BV22" s="1"/>
      <c r="BW22" s="1"/>
      <c r="BX22" s="1"/>
      <c r="BY22" s="1"/>
      <c r="BZ22" s="1"/>
    </row>
    <row r="23" spans="1:78" x14ac:dyDescent="0.15">
      <c r="B23" s="2">
        <v>0.37708333333333338</v>
      </c>
      <c r="C23" s="1" t="s">
        <v>485</v>
      </c>
      <c r="D23" s="1" t="s">
        <v>64</v>
      </c>
      <c r="E23" s="1" t="s">
        <v>484</v>
      </c>
      <c r="G23" s="1" t="s">
        <v>28</v>
      </c>
      <c r="J23" s="1" t="s">
        <v>275</v>
      </c>
      <c r="N23" s="1" t="s">
        <v>33</v>
      </c>
      <c r="P23" s="1" t="s">
        <v>35</v>
      </c>
      <c r="Q23" s="1" t="s">
        <v>40</v>
      </c>
      <c r="S23" s="1" t="s">
        <v>100</v>
      </c>
      <c r="U23" s="1">
        <v>7.5</v>
      </c>
      <c r="V23" s="1"/>
      <c r="W23" s="1"/>
      <c r="X23" s="1">
        <v>0.11</v>
      </c>
      <c r="Y23" s="1">
        <v>0.01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 t="s">
        <v>518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3.0000000000000001E-3</v>
      </c>
      <c r="BO23" s="1"/>
      <c r="BP23" s="1"/>
      <c r="BQ23" s="1">
        <v>33.99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7708333333333338</v>
      </c>
      <c r="C24" s="1" t="s">
        <v>551</v>
      </c>
      <c r="D24" s="1" t="s">
        <v>64</v>
      </c>
      <c r="E24" s="1" t="s">
        <v>484</v>
      </c>
      <c r="J24" s="1" t="s">
        <v>339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37222222222222223</v>
      </c>
      <c r="C25" s="1" t="s">
        <v>483</v>
      </c>
      <c r="D25" s="1" t="s">
        <v>64</v>
      </c>
      <c r="E25" s="1" t="s">
        <v>95</v>
      </c>
      <c r="F25" s="1" t="s">
        <v>254</v>
      </c>
      <c r="G25" s="1" t="s">
        <v>97</v>
      </c>
      <c r="J25" s="1" t="s">
        <v>30</v>
      </c>
      <c r="K25" s="1" t="s">
        <v>417</v>
      </c>
      <c r="M25" s="1" t="s">
        <v>236</v>
      </c>
      <c r="N25" s="1" t="s">
        <v>33</v>
      </c>
      <c r="O25" s="1" t="s">
        <v>186</v>
      </c>
      <c r="P25" s="1" t="s">
        <v>35</v>
      </c>
      <c r="Q25" s="1" t="s">
        <v>40</v>
      </c>
      <c r="S25" s="1" t="s">
        <v>201</v>
      </c>
      <c r="U25" s="1">
        <v>7.8</v>
      </c>
      <c r="V25" s="1"/>
      <c r="W25" s="1"/>
      <c r="X25" s="1">
        <v>0.11</v>
      </c>
      <c r="Y25" s="1">
        <v>1.0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2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5.0000000000000001E-3</v>
      </c>
      <c r="BO25" s="1"/>
      <c r="BP25" s="1"/>
      <c r="BQ25" s="1">
        <v>34.03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37222222222222223</v>
      </c>
      <c r="C26" s="1" t="s">
        <v>485</v>
      </c>
      <c r="D26" s="1" t="s">
        <v>64</v>
      </c>
      <c r="E26" s="1" t="s">
        <v>95</v>
      </c>
      <c r="G26" s="1" t="s">
        <v>422</v>
      </c>
      <c r="J26" s="1" t="s">
        <v>287</v>
      </c>
      <c r="N26" s="1" t="s">
        <v>33</v>
      </c>
      <c r="P26" s="1" t="s">
        <v>35</v>
      </c>
      <c r="Q26" s="1" t="s">
        <v>40</v>
      </c>
      <c r="S26" s="1" t="s">
        <v>93</v>
      </c>
      <c r="U26" s="1">
        <v>7.3</v>
      </c>
      <c r="V26" s="1"/>
      <c r="W26" s="1"/>
      <c r="X26" s="1">
        <v>0.1</v>
      </c>
      <c r="Y26" s="1">
        <v>1.2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3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9999999999999993E-3</v>
      </c>
      <c r="BO26" s="1"/>
      <c r="BP26" s="1"/>
      <c r="BQ26" s="1">
        <v>34.4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7222222222222223</v>
      </c>
      <c r="C27" s="1" t="s">
        <v>551</v>
      </c>
      <c r="D27" s="1" t="s">
        <v>64</v>
      </c>
      <c r="E27" s="1" t="s">
        <v>95</v>
      </c>
      <c r="J27" s="1" t="s">
        <v>315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40972222222222227</v>
      </c>
      <c r="C28" s="1" t="s">
        <v>483</v>
      </c>
      <c r="D28" s="1" t="s">
        <v>27</v>
      </c>
      <c r="E28" s="1" t="s">
        <v>53</v>
      </c>
      <c r="F28" s="1" t="s">
        <v>423</v>
      </c>
      <c r="G28" s="1" t="s">
        <v>125</v>
      </c>
      <c r="J28" s="1" t="s">
        <v>30</v>
      </c>
      <c r="K28" s="1" t="s">
        <v>220</v>
      </c>
      <c r="M28" s="1" t="s">
        <v>124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100</v>
      </c>
      <c r="U28" s="1">
        <v>8.4</v>
      </c>
      <c r="V28" s="1"/>
      <c r="W28" s="1"/>
      <c r="X28" s="1">
        <v>0.13</v>
      </c>
      <c r="Y28" s="1">
        <v>1.6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4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0.01</v>
      </c>
      <c r="BO28" s="1"/>
      <c r="BP28" s="1"/>
      <c r="BQ28" s="1">
        <v>34.409999999999997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40972222222222227</v>
      </c>
      <c r="C29" s="1" t="s">
        <v>485</v>
      </c>
      <c r="D29" s="1" t="s">
        <v>27</v>
      </c>
      <c r="E29" s="1" t="s">
        <v>53</v>
      </c>
      <c r="G29" s="1" t="s">
        <v>294</v>
      </c>
      <c r="J29" s="1" t="s">
        <v>357</v>
      </c>
      <c r="N29" s="1" t="s">
        <v>33</v>
      </c>
      <c r="P29" s="1" t="s">
        <v>35</v>
      </c>
      <c r="Q29" s="1" t="s">
        <v>58</v>
      </c>
      <c r="S29" s="1" t="s">
        <v>87</v>
      </c>
      <c r="U29" s="1">
        <v>7.6</v>
      </c>
      <c r="V29" s="1"/>
      <c r="W29" s="1"/>
      <c r="X29" s="1">
        <v>0.13</v>
      </c>
      <c r="Y29" s="1">
        <v>1.499999999999999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4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0.01</v>
      </c>
      <c r="BO29" s="1"/>
      <c r="BP29" s="1"/>
      <c r="BQ29" s="1">
        <v>34.4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0972222222222227</v>
      </c>
      <c r="C30" s="1" t="s">
        <v>551</v>
      </c>
      <c r="D30" s="1" t="s">
        <v>27</v>
      </c>
      <c r="E30" s="1" t="s">
        <v>53</v>
      </c>
      <c r="J30" s="1" t="s">
        <v>339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39374999999999999</v>
      </c>
      <c r="C31" s="1" t="s">
        <v>483</v>
      </c>
      <c r="D31" s="1" t="s">
        <v>113</v>
      </c>
      <c r="E31" s="1" t="s">
        <v>53</v>
      </c>
      <c r="F31" s="1" t="s">
        <v>76</v>
      </c>
      <c r="G31" s="1" t="s">
        <v>152</v>
      </c>
      <c r="J31" s="1" t="s">
        <v>30</v>
      </c>
      <c r="K31" s="1" t="s">
        <v>424</v>
      </c>
      <c r="M31" s="1" t="s">
        <v>318</v>
      </c>
      <c r="N31" s="1" t="s">
        <v>33</v>
      </c>
      <c r="O31" s="1" t="s">
        <v>186</v>
      </c>
      <c r="P31" s="1" t="s">
        <v>35</v>
      </c>
      <c r="Q31" s="1" t="s">
        <v>40</v>
      </c>
      <c r="S31" s="1" t="s">
        <v>41</v>
      </c>
      <c r="U31" s="1">
        <v>8.5</v>
      </c>
      <c r="V31" s="1" t="s">
        <v>521</v>
      </c>
      <c r="W31" s="1" t="s">
        <v>514</v>
      </c>
      <c r="X31" s="1">
        <v>0.1</v>
      </c>
      <c r="Y31" s="1">
        <v>1.9E-2</v>
      </c>
      <c r="Z31" s="1">
        <v>8.9999999999999998E-4</v>
      </c>
      <c r="AA31" t="s">
        <v>552</v>
      </c>
      <c r="AB31" t="s">
        <v>566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7.0000000000000007E-2</v>
      </c>
      <c r="BD31" s="1">
        <v>0.12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2999999999999999E-2</v>
      </c>
      <c r="BO31" s="1"/>
      <c r="BP31" s="1"/>
      <c r="BQ31" s="1">
        <v>34.26</v>
      </c>
      <c r="BR31" s="1"/>
      <c r="BS31" s="1"/>
      <c r="BT31" s="1">
        <v>1.3</v>
      </c>
      <c r="BU31" s="1"/>
      <c r="BV31" s="1"/>
      <c r="BW31" s="1"/>
      <c r="BX31" s="1"/>
      <c r="BY31" s="1"/>
      <c r="BZ31" s="1"/>
    </row>
    <row r="32" spans="1:78" x14ac:dyDescent="0.15">
      <c r="B32" s="2">
        <v>0.39374999999999999</v>
      </c>
      <c r="C32" s="1" t="s">
        <v>485</v>
      </c>
      <c r="D32" s="1" t="s">
        <v>113</v>
      </c>
      <c r="E32" s="1" t="s">
        <v>53</v>
      </c>
      <c r="G32" s="1" t="s">
        <v>152</v>
      </c>
      <c r="J32" s="1" t="s">
        <v>79</v>
      </c>
      <c r="N32" s="1" t="s">
        <v>33</v>
      </c>
      <c r="P32" s="1" t="s">
        <v>35</v>
      </c>
      <c r="Q32" s="1" t="s">
        <v>40</v>
      </c>
      <c r="S32" s="1" t="s">
        <v>41</v>
      </c>
      <c r="U32" s="1">
        <v>8.1999999999999993</v>
      </c>
      <c r="V32" s="1"/>
      <c r="W32" s="1"/>
      <c r="X32" s="1">
        <v>0.12</v>
      </c>
      <c r="Y32" s="1">
        <v>1.7999999999999999E-2</v>
      </c>
      <c r="Z32" s="1">
        <v>1E-3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>
        <v>0.01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2999999999999999E-2</v>
      </c>
      <c r="BO32" s="1"/>
      <c r="BP32" s="1"/>
      <c r="BQ32" s="1">
        <v>34.38000000000000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9374999999999999</v>
      </c>
      <c r="C33" s="1" t="s">
        <v>551</v>
      </c>
      <c r="D33" s="1" t="s">
        <v>113</v>
      </c>
      <c r="E33" s="1" t="s">
        <v>53</v>
      </c>
      <c r="J33" s="1" t="s">
        <v>119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37916666666666665</v>
      </c>
      <c r="C34" s="1" t="s">
        <v>483</v>
      </c>
      <c r="D34" s="1" t="s">
        <v>64</v>
      </c>
      <c r="E34" s="1" t="s">
        <v>484</v>
      </c>
      <c r="F34" s="1" t="s">
        <v>111</v>
      </c>
      <c r="G34" s="1" t="s">
        <v>149</v>
      </c>
      <c r="J34" s="1" t="s">
        <v>30</v>
      </c>
      <c r="K34" s="1" t="s">
        <v>190</v>
      </c>
      <c r="M34" s="1" t="s">
        <v>301</v>
      </c>
      <c r="N34" s="1" t="s">
        <v>33</v>
      </c>
      <c r="O34" s="1" t="s">
        <v>186</v>
      </c>
      <c r="P34" s="1" t="s">
        <v>35</v>
      </c>
      <c r="Q34" s="1" t="s">
        <v>40</v>
      </c>
      <c r="S34" s="1" t="s">
        <v>41</v>
      </c>
      <c r="U34" s="1">
        <v>8.6999999999999993</v>
      </c>
      <c r="V34" s="1"/>
      <c r="W34" s="1"/>
      <c r="X34" s="1">
        <v>0.09</v>
      </c>
      <c r="Y34" s="1">
        <v>1.2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4</v>
      </c>
      <c r="BD34" s="1" t="s">
        <v>529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8.0000000000000002E-3</v>
      </c>
      <c r="BO34" s="1"/>
      <c r="BP34" s="1"/>
      <c r="BQ34" s="1">
        <v>34.76</v>
      </c>
      <c r="BR34" s="1"/>
      <c r="BS34" s="1"/>
      <c r="BT34" s="1" t="s">
        <v>514</v>
      </c>
      <c r="BU34" s="1"/>
      <c r="BV34" s="1"/>
      <c r="BW34" s="1"/>
      <c r="BX34" s="1"/>
      <c r="BY34" s="1"/>
      <c r="BZ34" s="1"/>
    </row>
    <row r="35" spans="1:78" x14ac:dyDescent="0.15">
      <c r="B35" s="2">
        <v>0.37916666666666665</v>
      </c>
      <c r="C35" s="1" t="s">
        <v>485</v>
      </c>
      <c r="D35" s="1" t="s">
        <v>64</v>
      </c>
      <c r="E35" s="1" t="s">
        <v>484</v>
      </c>
      <c r="G35" s="1" t="s">
        <v>152</v>
      </c>
      <c r="J35" s="1" t="s">
        <v>191</v>
      </c>
      <c r="N35" s="1" t="s">
        <v>33</v>
      </c>
      <c r="P35" s="1" t="s">
        <v>35</v>
      </c>
      <c r="Q35" s="1" t="s">
        <v>58</v>
      </c>
      <c r="S35" s="1" t="s">
        <v>107</v>
      </c>
      <c r="U35" s="1">
        <v>8.4</v>
      </c>
      <c r="V35" s="1"/>
      <c r="W35" s="1"/>
      <c r="X35" s="1">
        <v>0.09</v>
      </c>
      <c r="Y35" s="1">
        <v>1.2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4</v>
      </c>
      <c r="BD35" s="1" t="s">
        <v>529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0.01</v>
      </c>
      <c r="BO35" s="1"/>
      <c r="BP35" s="1"/>
      <c r="BQ35" s="1">
        <v>34.9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7916666666666665</v>
      </c>
      <c r="C36" s="1" t="s">
        <v>551</v>
      </c>
      <c r="D36" s="1" t="s">
        <v>64</v>
      </c>
      <c r="E36" s="1" t="s">
        <v>484</v>
      </c>
      <c r="J36" s="1" t="s">
        <v>16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88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3888888888888885</v>
      </c>
      <c r="C4" s="1" t="s">
        <v>483</v>
      </c>
      <c r="D4" s="1" t="s">
        <v>27</v>
      </c>
      <c r="E4" s="1" t="s">
        <v>486</v>
      </c>
      <c r="F4" s="1" t="s">
        <v>140</v>
      </c>
      <c r="G4" s="1" t="s">
        <v>169</v>
      </c>
      <c r="J4" s="1" t="s">
        <v>30</v>
      </c>
      <c r="K4" s="1" t="s">
        <v>170</v>
      </c>
      <c r="M4" s="1" t="s">
        <v>36</v>
      </c>
      <c r="N4" s="1" t="s">
        <v>33</v>
      </c>
      <c r="O4" s="1" t="s">
        <v>171</v>
      </c>
      <c r="P4" s="1" t="s">
        <v>35</v>
      </c>
      <c r="Q4" s="1" t="s">
        <v>58</v>
      </c>
      <c r="S4" s="1" t="s">
        <v>172</v>
      </c>
      <c r="U4" s="1">
        <v>8.3000000000000007</v>
      </c>
      <c r="V4" s="1"/>
      <c r="W4" s="1"/>
      <c r="X4" s="1">
        <v>0.17</v>
      </c>
      <c r="Y4" s="1">
        <v>1.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5</v>
      </c>
      <c r="BD4" s="1">
        <v>0.1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7.0000000000000001E-3</v>
      </c>
      <c r="BO4" s="1"/>
      <c r="BP4" s="1"/>
      <c r="BQ4" s="1">
        <v>34</v>
      </c>
      <c r="BR4" s="1"/>
      <c r="BS4" s="1"/>
      <c r="BT4" s="1">
        <v>6.3</v>
      </c>
      <c r="BU4" s="1"/>
      <c r="BV4" s="1"/>
      <c r="BW4" s="1"/>
      <c r="BX4" s="1"/>
      <c r="BY4" s="1"/>
      <c r="BZ4" s="1"/>
    </row>
    <row r="5" spans="1:78" x14ac:dyDescent="0.15">
      <c r="B5" s="2">
        <v>0.33888888888888885</v>
      </c>
      <c r="C5" s="1" t="s">
        <v>485</v>
      </c>
      <c r="D5" s="1" t="s">
        <v>27</v>
      </c>
      <c r="E5" s="1" t="s">
        <v>486</v>
      </c>
      <c r="G5" s="1" t="s">
        <v>149</v>
      </c>
      <c r="J5" s="1" t="s">
        <v>173</v>
      </c>
      <c r="N5" s="1" t="s">
        <v>33</v>
      </c>
      <c r="P5" s="1" t="s">
        <v>35</v>
      </c>
      <c r="Q5" s="1" t="s">
        <v>40</v>
      </c>
      <c r="S5" s="1" t="s">
        <v>87</v>
      </c>
      <c r="U5" s="1">
        <v>8.1</v>
      </c>
      <c r="V5" s="1"/>
      <c r="W5" s="1"/>
      <c r="X5" s="1">
        <v>0.13</v>
      </c>
      <c r="Y5" s="1">
        <v>2.1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6</v>
      </c>
      <c r="BD5" s="1">
        <v>0.1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7000000000000001E-2</v>
      </c>
      <c r="BO5" s="1"/>
      <c r="BP5" s="1"/>
      <c r="BQ5" s="1">
        <v>34.5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40625</v>
      </c>
      <c r="C6" s="1" t="s">
        <v>483</v>
      </c>
      <c r="D6" s="1" t="s">
        <v>113</v>
      </c>
      <c r="E6" s="1" t="s">
        <v>95</v>
      </c>
      <c r="F6" s="1" t="s">
        <v>175</v>
      </c>
      <c r="G6" s="1" t="s">
        <v>176</v>
      </c>
      <c r="J6" s="1" t="s">
        <v>30</v>
      </c>
      <c r="K6" s="1" t="s">
        <v>177</v>
      </c>
      <c r="M6" s="1" t="s">
        <v>178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62</v>
      </c>
      <c r="U6" s="1">
        <v>8</v>
      </c>
      <c r="V6" s="3">
        <v>17</v>
      </c>
      <c r="W6" s="1"/>
      <c r="X6" s="1">
        <v>0.18</v>
      </c>
      <c r="Y6" s="1">
        <v>2.1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>
        <v>0.03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7.0000000000000001E-3</v>
      </c>
      <c r="BO6" s="1"/>
      <c r="BP6" s="1"/>
      <c r="BQ6" s="1">
        <v>33.76</v>
      </c>
      <c r="BR6" s="1"/>
      <c r="BS6" s="1"/>
      <c r="BT6" s="1">
        <v>1.4</v>
      </c>
      <c r="BU6" s="1"/>
      <c r="BV6" s="1"/>
      <c r="BW6" s="1"/>
      <c r="BX6" s="1"/>
      <c r="BY6" s="1"/>
      <c r="BZ6" s="1"/>
    </row>
    <row r="7" spans="1:78" x14ac:dyDescent="0.15">
      <c r="B7" s="2">
        <v>0.40625</v>
      </c>
      <c r="C7" s="1" t="s">
        <v>485</v>
      </c>
      <c r="D7" s="1" t="s">
        <v>113</v>
      </c>
      <c r="E7" s="1" t="s">
        <v>95</v>
      </c>
      <c r="G7" s="1" t="s">
        <v>161</v>
      </c>
      <c r="J7" s="1" t="s">
        <v>173</v>
      </c>
      <c r="N7" s="1" t="s">
        <v>33</v>
      </c>
      <c r="P7" s="1" t="s">
        <v>35</v>
      </c>
      <c r="Q7" s="1" t="s">
        <v>40</v>
      </c>
      <c r="S7" s="1" t="s">
        <v>93</v>
      </c>
      <c r="U7" s="1">
        <v>6.7</v>
      </c>
      <c r="V7" s="1"/>
      <c r="W7" s="1"/>
      <c r="X7" s="1">
        <v>0.27</v>
      </c>
      <c r="Y7" s="1">
        <v>2.4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12</v>
      </c>
      <c r="BD7" s="1">
        <v>0.17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2.1999999999999999E-2</v>
      </c>
      <c r="BO7" s="1"/>
      <c r="BP7" s="1"/>
      <c r="BQ7" s="1">
        <v>34.5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33402777777777781</v>
      </c>
      <c r="C8" s="1" t="s">
        <v>483</v>
      </c>
      <c r="D8" s="1" t="s">
        <v>113</v>
      </c>
      <c r="E8" s="1" t="s">
        <v>53</v>
      </c>
      <c r="F8" s="1" t="s">
        <v>180</v>
      </c>
      <c r="G8" s="1" t="s">
        <v>28</v>
      </c>
      <c r="J8" s="1" t="s">
        <v>30</v>
      </c>
      <c r="K8" s="1" t="s">
        <v>181</v>
      </c>
      <c r="M8" s="1" t="s">
        <v>141</v>
      </c>
      <c r="N8" s="1" t="s">
        <v>33</v>
      </c>
      <c r="O8" s="1" t="s">
        <v>179</v>
      </c>
      <c r="P8" s="1" t="s">
        <v>35</v>
      </c>
      <c r="Q8" s="1" t="s">
        <v>141</v>
      </c>
      <c r="S8" s="1" t="s">
        <v>182</v>
      </c>
      <c r="U8" s="1">
        <v>8.8000000000000007</v>
      </c>
      <c r="V8" s="1"/>
      <c r="W8" s="1"/>
      <c r="X8" s="1">
        <v>0.1</v>
      </c>
      <c r="Y8" s="1">
        <v>1.4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 t="s">
        <v>519</v>
      </c>
      <c r="BO8" s="1"/>
      <c r="BP8" s="1"/>
      <c r="BQ8" s="1">
        <v>33.74</v>
      </c>
      <c r="BR8" s="1"/>
      <c r="BS8" s="1"/>
      <c r="BT8" s="1">
        <v>2</v>
      </c>
      <c r="BU8" s="1"/>
      <c r="BV8" s="1"/>
      <c r="BW8" s="1"/>
      <c r="BX8" s="1"/>
      <c r="BY8" s="1"/>
      <c r="BZ8" s="1"/>
    </row>
    <row r="9" spans="1:78" x14ac:dyDescent="0.15">
      <c r="B9" s="2">
        <v>0.33402777777777781</v>
      </c>
      <c r="C9" s="1" t="s">
        <v>485</v>
      </c>
      <c r="D9" s="1" t="s">
        <v>113</v>
      </c>
      <c r="E9" s="1" t="s">
        <v>53</v>
      </c>
      <c r="G9" s="1" t="s">
        <v>48</v>
      </c>
      <c r="J9" s="1" t="s">
        <v>173</v>
      </c>
      <c r="N9" s="1" t="s">
        <v>33</v>
      </c>
      <c r="P9" s="1" t="s">
        <v>35</v>
      </c>
      <c r="Q9" s="1" t="s">
        <v>40</v>
      </c>
      <c r="S9" s="1" t="s">
        <v>87</v>
      </c>
      <c r="U9" s="1">
        <v>7.1</v>
      </c>
      <c r="V9" s="1"/>
      <c r="W9" s="1"/>
      <c r="X9" s="1">
        <v>0.14000000000000001</v>
      </c>
      <c r="Y9" s="1">
        <v>2.1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>
        <v>0.08</v>
      </c>
      <c r="BD9" s="1">
        <v>0.13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1.6E-2</v>
      </c>
      <c r="BO9" s="1"/>
      <c r="BP9" s="1"/>
      <c r="BQ9" s="1">
        <v>34.31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3</v>
      </c>
      <c r="C10" s="1" t="s">
        <v>483</v>
      </c>
      <c r="D10" s="1" t="s">
        <v>64</v>
      </c>
      <c r="E10" s="1" t="s">
        <v>53</v>
      </c>
      <c r="F10" s="1" t="s">
        <v>183</v>
      </c>
      <c r="G10" s="1" t="s">
        <v>155</v>
      </c>
      <c r="J10" s="1" t="s">
        <v>30</v>
      </c>
      <c r="K10" s="1" t="s">
        <v>184</v>
      </c>
      <c r="M10" s="1" t="s">
        <v>185</v>
      </c>
      <c r="N10" s="1" t="s">
        <v>33</v>
      </c>
      <c r="O10" s="1" t="s">
        <v>186</v>
      </c>
      <c r="P10" s="1" t="s">
        <v>35</v>
      </c>
      <c r="Q10" s="1" t="s">
        <v>40</v>
      </c>
      <c r="S10" s="1" t="s">
        <v>37</v>
      </c>
      <c r="U10" s="1">
        <v>7.8</v>
      </c>
      <c r="V10" s="1"/>
      <c r="W10" s="1"/>
      <c r="X10" s="1">
        <v>0.1</v>
      </c>
      <c r="Y10" s="1">
        <v>8.0000000000000002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 t="s">
        <v>519</v>
      </c>
      <c r="BO10" s="1"/>
      <c r="BP10" s="1"/>
      <c r="BQ10" s="1">
        <v>33.25</v>
      </c>
      <c r="BR10" s="1"/>
      <c r="BS10" s="1"/>
      <c r="BT10" s="1" t="s">
        <v>514</v>
      </c>
      <c r="BU10" s="1"/>
      <c r="BV10" s="1"/>
      <c r="BW10" s="1"/>
      <c r="BX10" s="1"/>
      <c r="BY10" s="1"/>
      <c r="BZ10" s="1"/>
    </row>
    <row r="11" spans="1:78" x14ac:dyDescent="0.15">
      <c r="B11" s="2">
        <v>0.3</v>
      </c>
      <c r="C11" s="1" t="s">
        <v>485</v>
      </c>
      <c r="D11" s="1" t="s">
        <v>64</v>
      </c>
      <c r="E11" s="1" t="s">
        <v>53</v>
      </c>
      <c r="G11" s="1" t="s">
        <v>187</v>
      </c>
      <c r="J11" s="1" t="s">
        <v>173</v>
      </c>
      <c r="N11" s="1" t="s">
        <v>33</v>
      </c>
      <c r="P11" s="1" t="s">
        <v>35</v>
      </c>
      <c r="Q11" s="1" t="s">
        <v>36</v>
      </c>
      <c r="S11" s="1" t="s">
        <v>93</v>
      </c>
      <c r="U11" s="1">
        <v>7.1</v>
      </c>
      <c r="V11" s="1"/>
      <c r="W11" s="1"/>
      <c r="X11" s="1">
        <v>0.2</v>
      </c>
      <c r="Y11" s="1">
        <v>1.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1.9E-2</v>
      </c>
      <c r="BO11" s="1"/>
      <c r="BP11" s="1"/>
      <c r="BQ11" s="1">
        <v>34.21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</v>
      </c>
      <c r="C12" s="1" t="s">
        <v>551</v>
      </c>
      <c r="D12" s="1" t="s">
        <v>64</v>
      </c>
      <c r="E12" s="1" t="s">
        <v>53</v>
      </c>
      <c r="J12" s="1" t="s">
        <v>18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3979166666666667</v>
      </c>
      <c r="C13" s="1" t="s">
        <v>483</v>
      </c>
      <c r="D13" s="1" t="s">
        <v>64</v>
      </c>
      <c r="E13" s="1" t="s">
        <v>53</v>
      </c>
      <c r="F13" s="1" t="s">
        <v>190</v>
      </c>
      <c r="G13" s="1" t="s">
        <v>191</v>
      </c>
      <c r="J13" s="1" t="s">
        <v>30</v>
      </c>
      <c r="K13" s="1" t="s">
        <v>192</v>
      </c>
      <c r="M13" s="1" t="s">
        <v>193</v>
      </c>
      <c r="N13" s="1" t="s">
        <v>33</v>
      </c>
      <c r="O13" s="1" t="s">
        <v>179</v>
      </c>
      <c r="P13" s="1" t="s">
        <v>35</v>
      </c>
      <c r="Q13" s="1" t="s">
        <v>58</v>
      </c>
      <c r="S13" s="1" t="s">
        <v>71</v>
      </c>
      <c r="U13" s="1">
        <v>7.7</v>
      </c>
      <c r="V13" s="1" t="s">
        <v>521</v>
      </c>
      <c r="W13" s="1" t="s">
        <v>514</v>
      </c>
      <c r="X13" s="1">
        <v>0.12</v>
      </c>
      <c r="Y13" s="1">
        <v>1.7999999999999999E-2</v>
      </c>
      <c r="Z13" s="1">
        <v>1.2999999999999999E-3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 t="s">
        <v>518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5.0000000000000001E-3</v>
      </c>
      <c r="BO13" s="1"/>
      <c r="BP13" s="1"/>
      <c r="BQ13" s="1">
        <v>33.08</v>
      </c>
      <c r="BR13" s="1"/>
      <c r="BS13" s="1"/>
      <c r="BT13" s="1">
        <v>1.8</v>
      </c>
      <c r="BU13" s="1"/>
      <c r="BV13" s="1"/>
      <c r="BW13" s="1"/>
      <c r="BX13" s="1"/>
      <c r="BY13" s="1"/>
      <c r="BZ13" s="1"/>
    </row>
    <row r="14" spans="1:78" x14ac:dyDescent="0.15">
      <c r="B14" s="2">
        <v>0.3979166666666667</v>
      </c>
      <c r="C14" s="1" t="s">
        <v>485</v>
      </c>
      <c r="D14" s="1" t="s">
        <v>64</v>
      </c>
      <c r="E14" s="1" t="s">
        <v>53</v>
      </c>
      <c r="G14" s="1" t="s">
        <v>105</v>
      </c>
      <c r="J14" s="1" t="s">
        <v>173</v>
      </c>
      <c r="N14" s="1" t="s">
        <v>33</v>
      </c>
      <c r="P14" s="1" t="s">
        <v>35</v>
      </c>
      <c r="Q14" s="1" t="s">
        <v>36</v>
      </c>
      <c r="S14" s="1" t="s">
        <v>194</v>
      </c>
      <c r="U14" s="1">
        <v>6.2</v>
      </c>
      <c r="V14" s="1"/>
      <c r="W14" s="1"/>
      <c r="X14" s="1">
        <v>0.15</v>
      </c>
      <c r="Y14" s="1">
        <v>2.1999999999999999E-2</v>
      </c>
      <c r="Z14" s="1">
        <v>1.2999999999999999E-3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>
        <v>0.08</v>
      </c>
      <c r="BD14" s="1">
        <v>0.13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7999999999999999E-2</v>
      </c>
      <c r="BO14" s="1"/>
      <c r="BP14" s="1"/>
      <c r="BQ14" s="1">
        <v>34.19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3979166666666667</v>
      </c>
      <c r="C15" s="1" t="s">
        <v>551</v>
      </c>
      <c r="D15" s="1" t="s">
        <v>64</v>
      </c>
      <c r="E15" s="1" t="s">
        <v>53</v>
      </c>
      <c r="J15" s="1" t="s">
        <v>188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35069444444444442</v>
      </c>
      <c r="C16" s="1" t="s">
        <v>483</v>
      </c>
      <c r="D16" s="1" t="s">
        <v>64</v>
      </c>
      <c r="E16" s="1" t="s">
        <v>484</v>
      </c>
      <c r="F16" s="1" t="s">
        <v>196</v>
      </c>
      <c r="G16" s="1" t="s">
        <v>85</v>
      </c>
      <c r="J16" s="1" t="s">
        <v>30</v>
      </c>
      <c r="K16" s="1" t="s">
        <v>197</v>
      </c>
      <c r="M16" s="1" t="s">
        <v>198</v>
      </c>
      <c r="N16" s="1" t="s">
        <v>33</v>
      </c>
      <c r="O16" s="1" t="s">
        <v>186</v>
      </c>
      <c r="P16" s="1" t="s">
        <v>35</v>
      </c>
      <c r="Q16" s="1" t="s">
        <v>58</v>
      </c>
      <c r="S16" s="1" t="s">
        <v>37</v>
      </c>
      <c r="U16" s="1">
        <v>7</v>
      </c>
      <c r="V16" s="1"/>
      <c r="W16" s="1"/>
      <c r="X16" s="1">
        <v>7.0000000000000007E-2</v>
      </c>
      <c r="Y16" s="1">
        <v>7.0000000000000001E-3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 t="s">
        <v>518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 t="s">
        <v>519</v>
      </c>
      <c r="BO16" s="1"/>
      <c r="BP16" s="1"/>
      <c r="BQ16" s="1">
        <v>34.01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35069444444444442</v>
      </c>
      <c r="C17" s="1" t="s">
        <v>485</v>
      </c>
      <c r="D17" s="1" t="s">
        <v>64</v>
      </c>
      <c r="E17" s="1" t="s">
        <v>484</v>
      </c>
      <c r="G17" s="1" t="s">
        <v>199</v>
      </c>
      <c r="J17" s="1" t="s">
        <v>173</v>
      </c>
      <c r="N17" s="1" t="s">
        <v>33</v>
      </c>
      <c r="P17" s="1" t="s">
        <v>35</v>
      </c>
      <c r="Q17" s="1" t="s">
        <v>40</v>
      </c>
      <c r="S17" s="1" t="s">
        <v>37</v>
      </c>
      <c r="U17" s="1">
        <v>6.6</v>
      </c>
      <c r="V17" s="1"/>
      <c r="W17" s="1"/>
      <c r="X17" s="1">
        <v>0.22</v>
      </c>
      <c r="Y17" s="1">
        <v>1.2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4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8.0000000000000002E-3</v>
      </c>
      <c r="BO17" s="1"/>
      <c r="BP17" s="1"/>
      <c r="BQ17" s="1">
        <v>34.22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5069444444444442</v>
      </c>
      <c r="C18" s="1" t="s">
        <v>551</v>
      </c>
      <c r="D18" s="1" t="s">
        <v>64</v>
      </c>
      <c r="E18" s="1" t="s">
        <v>484</v>
      </c>
      <c r="J18" s="1" t="s">
        <v>188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48749999999999999</v>
      </c>
      <c r="C19" s="1" t="s">
        <v>483</v>
      </c>
      <c r="D19" s="1" t="s">
        <v>64</v>
      </c>
      <c r="E19" s="1" t="s">
        <v>53</v>
      </c>
      <c r="F19" s="1" t="s">
        <v>196</v>
      </c>
      <c r="G19" s="1" t="s">
        <v>200</v>
      </c>
      <c r="J19" s="1" t="s">
        <v>30</v>
      </c>
      <c r="K19" s="1" t="s">
        <v>181</v>
      </c>
      <c r="M19" s="1" t="s">
        <v>31</v>
      </c>
      <c r="N19" s="1" t="s">
        <v>33</v>
      </c>
      <c r="O19" s="1" t="s">
        <v>179</v>
      </c>
      <c r="P19" s="1" t="s">
        <v>35</v>
      </c>
      <c r="Q19" s="1" t="s">
        <v>58</v>
      </c>
      <c r="S19" s="1" t="s">
        <v>201</v>
      </c>
      <c r="U19" s="1">
        <v>7.6</v>
      </c>
      <c r="V19" s="1"/>
      <c r="W19" s="1"/>
      <c r="X19" s="1">
        <v>0.05</v>
      </c>
      <c r="Y19" s="1">
        <v>1.4999999999999999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02</v>
      </c>
      <c r="BD19" s="1" t="s">
        <v>529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4.0000000000000001E-3</v>
      </c>
      <c r="BO19" s="1"/>
      <c r="BP19" s="1"/>
      <c r="BQ19" s="1">
        <v>33.380000000000003</v>
      </c>
      <c r="BR19" s="1" t="s">
        <v>537</v>
      </c>
      <c r="BS19" s="1"/>
      <c r="BT19" s="1">
        <v>1.1000000000000001</v>
      </c>
      <c r="BU19" s="1"/>
      <c r="BV19" s="1"/>
      <c r="BW19" s="1"/>
      <c r="BX19" s="1"/>
      <c r="BY19" s="1"/>
      <c r="BZ19" s="1"/>
    </row>
    <row r="20" spans="1:78" x14ac:dyDescent="0.15">
      <c r="B20" s="2">
        <v>0.48749999999999999</v>
      </c>
      <c r="C20" s="1" t="s">
        <v>485</v>
      </c>
      <c r="D20" s="1" t="s">
        <v>64</v>
      </c>
      <c r="E20" s="1" t="s">
        <v>53</v>
      </c>
      <c r="G20" s="1" t="s">
        <v>202</v>
      </c>
      <c r="J20" s="1" t="s">
        <v>173</v>
      </c>
      <c r="N20" s="1" t="s">
        <v>33</v>
      </c>
      <c r="P20" s="1" t="s">
        <v>35</v>
      </c>
      <c r="Q20" s="1" t="s">
        <v>36</v>
      </c>
      <c r="S20" s="1" t="s">
        <v>41</v>
      </c>
      <c r="U20" s="1">
        <v>6.3</v>
      </c>
      <c r="V20" s="1"/>
      <c r="W20" s="1"/>
      <c r="X20" s="1">
        <v>0.2</v>
      </c>
      <c r="Y20" s="1">
        <v>2.9000000000000001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17</v>
      </c>
      <c r="BD20" s="1">
        <v>0.22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2.8000000000000001E-2</v>
      </c>
      <c r="BO20" s="1"/>
      <c r="BP20" s="1"/>
      <c r="BQ20" s="1">
        <v>34.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8749999999999999</v>
      </c>
      <c r="C21" s="1" t="s">
        <v>551</v>
      </c>
      <c r="D21" s="1" t="s">
        <v>64</v>
      </c>
      <c r="E21" s="1" t="s">
        <v>53</v>
      </c>
      <c r="J21" s="1" t="s">
        <v>188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>
        <v>5.0000000000000001E-4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1.2999999999999999E-3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37361111111111112</v>
      </c>
      <c r="C22" s="1" t="s">
        <v>483</v>
      </c>
      <c r="D22" s="1" t="s">
        <v>64</v>
      </c>
      <c r="E22" s="1" t="s">
        <v>486</v>
      </c>
      <c r="F22" s="1" t="s">
        <v>203</v>
      </c>
      <c r="G22" s="1" t="s">
        <v>204</v>
      </c>
      <c r="J22" s="1" t="s">
        <v>30</v>
      </c>
      <c r="K22" s="1" t="s">
        <v>205</v>
      </c>
      <c r="M22" s="1" t="s">
        <v>206</v>
      </c>
      <c r="N22" s="1" t="s">
        <v>33</v>
      </c>
      <c r="O22" s="1" t="s">
        <v>186</v>
      </c>
      <c r="P22" s="1" t="s">
        <v>35</v>
      </c>
      <c r="Q22" s="1" t="s">
        <v>58</v>
      </c>
      <c r="S22" s="1" t="s">
        <v>93</v>
      </c>
      <c r="U22" s="1">
        <v>7.5</v>
      </c>
      <c r="V22" s="1" t="s">
        <v>521</v>
      </c>
      <c r="W22" s="1"/>
      <c r="X22" s="1">
        <v>0.1</v>
      </c>
      <c r="Y22" s="1">
        <v>1.0999999999999999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 t="s">
        <v>518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4.0000000000000001E-3</v>
      </c>
      <c r="BO22" s="1"/>
      <c r="BP22" s="1"/>
      <c r="BQ22" s="1">
        <v>33.979999999999997</v>
      </c>
      <c r="BR22" s="1"/>
      <c r="BS22" s="1"/>
      <c r="BT22" s="1">
        <v>0.5</v>
      </c>
      <c r="BU22" s="1"/>
      <c r="BV22" s="1"/>
      <c r="BW22" s="1"/>
      <c r="BX22" s="1"/>
      <c r="BY22" s="1"/>
      <c r="BZ22" s="1"/>
    </row>
    <row r="23" spans="1:78" x14ac:dyDescent="0.15">
      <c r="B23" s="2">
        <v>0.37361111111111112</v>
      </c>
      <c r="C23" s="1" t="s">
        <v>485</v>
      </c>
      <c r="D23" s="1" t="s">
        <v>64</v>
      </c>
      <c r="E23" s="1" t="s">
        <v>486</v>
      </c>
      <c r="G23" s="1" t="s">
        <v>136</v>
      </c>
      <c r="J23" s="1" t="s">
        <v>173</v>
      </c>
      <c r="N23" s="1" t="s">
        <v>33</v>
      </c>
      <c r="P23" s="1" t="s">
        <v>35</v>
      </c>
      <c r="Q23" s="1" t="s">
        <v>40</v>
      </c>
      <c r="S23" s="1" t="s">
        <v>41</v>
      </c>
      <c r="U23" s="1">
        <v>7.3</v>
      </c>
      <c r="V23" s="1"/>
      <c r="W23" s="1"/>
      <c r="X23" s="1">
        <v>0.11</v>
      </c>
      <c r="Y23" s="1">
        <v>1.0999999999999999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>
        <v>0.02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5.0000000000000001E-3</v>
      </c>
      <c r="BO23" s="1"/>
      <c r="BP23" s="1"/>
      <c r="BQ23" s="1">
        <v>33.9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37361111111111112</v>
      </c>
      <c r="C24" s="1" t="s">
        <v>551</v>
      </c>
      <c r="D24" s="1" t="s">
        <v>64</v>
      </c>
      <c r="E24" s="1" t="s">
        <v>486</v>
      </c>
      <c r="J24" s="1" t="s">
        <v>188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35416666666666669</v>
      </c>
      <c r="C25" s="1" t="s">
        <v>483</v>
      </c>
      <c r="D25" s="1" t="s">
        <v>27</v>
      </c>
      <c r="E25" s="1" t="s">
        <v>484</v>
      </c>
      <c r="F25" s="1" t="s">
        <v>96</v>
      </c>
      <c r="G25" s="1" t="s">
        <v>207</v>
      </c>
      <c r="J25" s="1" t="s">
        <v>30</v>
      </c>
      <c r="K25" s="1" t="s">
        <v>208</v>
      </c>
      <c r="M25" s="1" t="s">
        <v>209</v>
      </c>
      <c r="N25" s="1" t="s">
        <v>33</v>
      </c>
      <c r="O25" s="1" t="s">
        <v>179</v>
      </c>
      <c r="P25" s="1" t="s">
        <v>35</v>
      </c>
      <c r="Q25" s="1" t="s">
        <v>40</v>
      </c>
      <c r="S25" s="1" t="s">
        <v>87</v>
      </c>
      <c r="U25" s="1">
        <v>7.6</v>
      </c>
      <c r="V25" s="1"/>
      <c r="W25" s="1"/>
      <c r="X25" s="1">
        <v>0.14000000000000001</v>
      </c>
      <c r="Y25" s="1">
        <v>1.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1</v>
      </c>
      <c r="BC25" s="1">
        <v>0.05</v>
      </c>
      <c r="BD25" s="1">
        <v>0.1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8.9999999999999993E-3</v>
      </c>
      <c r="BO25" s="1"/>
      <c r="BP25" s="1"/>
      <c r="BQ25" s="1">
        <v>33.92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35416666666666669</v>
      </c>
      <c r="C26" s="1" t="s">
        <v>485</v>
      </c>
      <c r="D26" s="1" t="s">
        <v>27</v>
      </c>
      <c r="E26" s="1" t="s">
        <v>484</v>
      </c>
      <c r="G26" s="1" t="s">
        <v>105</v>
      </c>
      <c r="J26" s="1" t="s">
        <v>173</v>
      </c>
      <c r="N26" s="1" t="s">
        <v>33</v>
      </c>
      <c r="P26" s="1" t="s">
        <v>35</v>
      </c>
      <c r="Q26" s="1" t="s">
        <v>40</v>
      </c>
      <c r="S26" s="1" t="s">
        <v>158</v>
      </c>
      <c r="U26" s="1">
        <v>7.4</v>
      </c>
      <c r="V26" s="1"/>
      <c r="W26" s="1"/>
      <c r="X26" s="1">
        <v>0.14000000000000001</v>
      </c>
      <c r="Y26" s="1">
        <v>1.4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4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0000000000000002E-3</v>
      </c>
      <c r="BO26" s="1"/>
      <c r="BP26" s="1"/>
      <c r="BQ26" s="1">
        <v>34.4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5416666666666669</v>
      </c>
      <c r="C27" s="1" t="s">
        <v>551</v>
      </c>
      <c r="D27" s="1" t="s">
        <v>27</v>
      </c>
      <c r="E27" s="1" t="s">
        <v>484</v>
      </c>
      <c r="J27" s="1" t="s">
        <v>188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38194444444444442</v>
      </c>
      <c r="C28" s="1" t="s">
        <v>483</v>
      </c>
      <c r="D28" s="1" t="s">
        <v>27</v>
      </c>
      <c r="E28" s="1" t="s">
        <v>53</v>
      </c>
      <c r="F28" s="1" t="s">
        <v>178</v>
      </c>
      <c r="G28" s="1" t="s">
        <v>198</v>
      </c>
      <c r="J28" s="1" t="s">
        <v>30</v>
      </c>
      <c r="K28" s="1" t="s">
        <v>211</v>
      </c>
      <c r="M28" s="1" t="s">
        <v>212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107</v>
      </c>
      <c r="U28" s="1">
        <v>7.6</v>
      </c>
      <c r="V28" s="1"/>
      <c r="W28" s="1"/>
      <c r="X28" s="1">
        <v>0.13</v>
      </c>
      <c r="Y28" s="1">
        <v>1.6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3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8.9999999999999993E-3</v>
      </c>
      <c r="BO28" s="1"/>
      <c r="BP28" s="1"/>
      <c r="BQ28" s="1">
        <v>34.49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38194444444444442</v>
      </c>
      <c r="C29" s="1" t="s">
        <v>485</v>
      </c>
      <c r="D29" s="1" t="s">
        <v>27</v>
      </c>
      <c r="E29" s="1" t="s">
        <v>53</v>
      </c>
      <c r="G29" s="1" t="s">
        <v>152</v>
      </c>
      <c r="J29" s="1" t="s">
        <v>173</v>
      </c>
      <c r="N29" s="1" t="s">
        <v>33</v>
      </c>
      <c r="P29" s="1" t="s">
        <v>35</v>
      </c>
      <c r="Q29" s="1" t="s">
        <v>58</v>
      </c>
      <c r="S29" s="1" t="s">
        <v>41</v>
      </c>
      <c r="U29" s="1">
        <v>7.5</v>
      </c>
      <c r="V29" s="1"/>
      <c r="W29" s="1"/>
      <c r="X29" s="1">
        <v>0.13</v>
      </c>
      <c r="Y29" s="1">
        <v>1.7000000000000001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4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0.01</v>
      </c>
      <c r="BO29" s="1"/>
      <c r="BP29" s="1"/>
      <c r="BQ29" s="1">
        <v>34.52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38194444444444442</v>
      </c>
      <c r="C30" s="1" t="s">
        <v>551</v>
      </c>
      <c r="D30" s="1" t="s">
        <v>27</v>
      </c>
      <c r="E30" s="1" t="s">
        <v>53</v>
      </c>
      <c r="J30" s="1" t="s">
        <v>188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375</v>
      </c>
      <c r="C31" s="1" t="s">
        <v>483</v>
      </c>
      <c r="D31" s="1" t="s">
        <v>113</v>
      </c>
      <c r="E31" s="1" t="s">
        <v>53</v>
      </c>
      <c r="F31" s="1" t="s">
        <v>213</v>
      </c>
      <c r="G31" s="1" t="s">
        <v>125</v>
      </c>
      <c r="J31" s="1" t="s">
        <v>30</v>
      </c>
      <c r="K31" s="1" t="s">
        <v>214</v>
      </c>
      <c r="M31" s="1" t="s">
        <v>215</v>
      </c>
      <c r="N31" s="1" t="s">
        <v>33</v>
      </c>
      <c r="O31" s="1" t="s">
        <v>186</v>
      </c>
      <c r="P31" s="1" t="s">
        <v>35</v>
      </c>
      <c r="Q31" s="1" t="s">
        <v>40</v>
      </c>
      <c r="S31" s="1" t="s">
        <v>158</v>
      </c>
      <c r="U31" s="1">
        <v>8</v>
      </c>
      <c r="V31" s="1" t="s">
        <v>521</v>
      </c>
      <c r="W31" s="1" t="s">
        <v>514</v>
      </c>
      <c r="X31" s="1">
        <v>0.09</v>
      </c>
      <c r="Y31" s="1">
        <v>1.9E-2</v>
      </c>
      <c r="Z31" s="1">
        <v>1E-3</v>
      </c>
      <c r="AA31" t="s">
        <v>552</v>
      </c>
      <c r="AB31" t="s">
        <v>53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0.06</v>
      </c>
      <c r="BD31" s="1">
        <v>0.1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2999999999999999E-2</v>
      </c>
      <c r="BO31" s="1"/>
      <c r="BP31" s="1"/>
      <c r="BQ31" s="1">
        <v>34.28</v>
      </c>
      <c r="BR31" s="1"/>
      <c r="BS31" s="1"/>
      <c r="BT31" s="1">
        <v>0.5</v>
      </c>
      <c r="BU31" s="1"/>
      <c r="BV31" s="1"/>
      <c r="BW31" s="1"/>
      <c r="BX31" s="1"/>
      <c r="BY31" s="1"/>
      <c r="BZ31" s="1"/>
    </row>
    <row r="32" spans="1:78" x14ac:dyDescent="0.15">
      <c r="B32" s="2">
        <v>0.375</v>
      </c>
      <c r="C32" s="1" t="s">
        <v>485</v>
      </c>
      <c r="D32" s="1" t="s">
        <v>113</v>
      </c>
      <c r="E32" s="1" t="s">
        <v>53</v>
      </c>
      <c r="G32" s="1" t="s">
        <v>149</v>
      </c>
      <c r="J32" s="1" t="s">
        <v>173</v>
      </c>
      <c r="N32" s="1" t="s">
        <v>33</v>
      </c>
      <c r="P32" s="1" t="s">
        <v>35</v>
      </c>
      <c r="Q32" s="1" t="s">
        <v>40</v>
      </c>
      <c r="S32" s="1" t="s">
        <v>41</v>
      </c>
      <c r="U32" s="1">
        <v>8</v>
      </c>
      <c r="V32" s="1"/>
      <c r="W32" s="1"/>
      <c r="X32" s="1">
        <v>0.15</v>
      </c>
      <c r="Y32" s="1">
        <v>1.4999999999999999E-2</v>
      </c>
      <c r="Z32" s="1">
        <v>1.1000000000000001E-3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6</v>
      </c>
      <c r="BC32" s="1">
        <v>7.0000000000000007E-2</v>
      </c>
      <c r="BD32" s="1">
        <v>0.12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4E-2</v>
      </c>
      <c r="BO32" s="1"/>
      <c r="BP32" s="1"/>
      <c r="BQ32" s="1">
        <v>34.44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375</v>
      </c>
      <c r="C33" s="1" t="s">
        <v>551</v>
      </c>
      <c r="D33" s="1" t="s">
        <v>113</v>
      </c>
      <c r="E33" s="1" t="s">
        <v>53</v>
      </c>
      <c r="J33" s="1" t="s">
        <v>188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3444444444444445</v>
      </c>
      <c r="C34" s="1" t="s">
        <v>483</v>
      </c>
      <c r="D34" s="1" t="s">
        <v>64</v>
      </c>
      <c r="E34" s="1" t="s">
        <v>484</v>
      </c>
      <c r="F34" s="1" t="s">
        <v>154</v>
      </c>
      <c r="G34" s="1" t="s">
        <v>216</v>
      </c>
      <c r="J34" s="1" t="s">
        <v>30</v>
      </c>
      <c r="K34" s="1" t="s">
        <v>214</v>
      </c>
      <c r="M34" s="1" t="s">
        <v>134</v>
      </c>
      <c r="N34" s="1" t="s">
        <v>33</v>
      </c>
      <c r="O34" s="1" t="s">
        <v>186</v>
      </c>
      <c r="P34" s="1" t="s">
        <v>35</v>
      </c>
      <c r="Q34" s="1" t="s">
        <v>58</v>
      </c>
      <c r="S34" s="1" t="s">
        <v>41</v>
      </c>
      <c r="U34" s="1">
        <v>8.1</v>
      </c>
      <c r="V34" s="1"/>
      <c r="W34" s="1"/>
      <c r="X34" s="1">
        <v>0.11</v>
      </c>
      <c r="Y34" s="1">
        <v>1.099999999999999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3</v>
      </c>
      <c r="BD34" s="1" t="s">
        <v>529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5.0000000000000001E-3</v>
      </c>
      <c r="BO34" s="1"/>
      <c r="BP34" s="1"/>
      <c r="BQ34" s="1">
        <v>34.840000000000003</v>
      </c>
      <c r="BR34" s="1"/>
      <c r="BS34" s="1"/>
      <c r="BT34" s="1" t="s">
        <v>514</v>
      </c>
      <c r="BU34" s="1"/>
      <c r="BV34" s="1"/>
      <c r="BW34" s="1"/>
      <c r="BX34" s="1"/>
      <c r="BY34" s="1"/>
      <c r="BZ34" s="1"/>
    </row>
    <row r="35" spans="1:78" x14ac:dyDescent="0.15">
      <c r="B35" s="2">
        <v>0.3444444444444445</v>
      </c>
      <c r="C35" s="1" t="s">
        <v>485</v>
      </c>
      <c r="D35" s="1" t="s">
        <v>64</v>
      </c>
      <c r="E35" s="1" t="s">
        <v>484</v>
      </c>
      <c r="G35" s="1" t="s">
        <v>147</v>
      </c>
      <c r="J35" s="1" t="s">
        <v>173</v>
      </c>
      <c r="N35" s="1" t="s">
        <v>33</v>
      </c>
      <c r="P35" s="1" t="s">
        <v>35</v>
      </c>
      <c r="Q35" s="1" t="s">
        <v>58</v>
      </c>
      <c r="S35" s="1" t="s">
        <v>107</v>
      </c>
      <c r="U35" s="1">
        <v>8</v>
      </c>
      <c r="V35" s="1"/>
      <c r="W35" s="1"/>
      <c r="X35" s="1">
        <v>0.18</v>
      </c>
      <c r="Y35" s="1">
        <v>1.2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4</v>
      </c>
      <c r="BD35" s="1" t="s">
        <v>529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4.0000000000000001E-3</v>
      </c>
      <c r="BO35" s="1"/>
      <c r="BP35" s="1"/>
      <c r="BQ35" s="1">
        <v>34.950000000000003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444444444444445</v>
      </c>
      <c r="C36" s="1" t="s">
        <v>551</v>
      </c>
      <c r="D36" s="1" t="s">
        <v>64</v>
      </c>
      <c r="E36" s="1" t="s">
        <v>484</v>
      </c>
      <c r="J36" s="1" t="s">
        <v>18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0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3888888888888889</v>
      </c>
      <c r="C4" s="1" t="s">
        <v>483</v>
      </c>
      <c r="D4" s="1" t="s">
        <v>113</v>
      </c>
      <c r="E4" s="1" t="s">
        <v>95</v>
      </c>
      <c r="F4" s="1" t="s">
        <v>217</v>
      </c>
      <c r="G4" s="1" t="s">
        <v>29</v>
      </c>
      <c r="J4" s="1" t="s">
        <v>30</v>
      </c>
      <c r="K4" s="1" t="s">
        <v>218</v>
      </c>
      <c r="M4" s="1" t="s">
        <v>219</v>
      </c>
      <c r="N4" s="1" t="s">
        <v>33</v>
      </c>
      <c r="O4" s="1" t="s">
        <v>186</v>
      </c>
      <c r="P4" s="1" t="s">
        <v>35</v>
      </c>
      <c r="Q4" s="1" t="s">
        <v>58</v>
      </c>
      <c r="S4" s="1" t="s">
        <v>201</v>
      </c>
      <c r="U4" s="1">
        <v>8</v>
      </c>
      <c r="V4" s="1"/>
      <c r="W4" s="1"/>
      <c r="X4" s="1">
        <v>0.11</v>
      </c>
      <c r="Y4" s="1">
        <v>1.2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4.31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3888888888888889</v>
      </c>
      <c r="C5" s="1" t="s">
        <v>485</v>
      </c>
      <c r="D5" s="1" t="s">
        <v>113</v>
      </c>
      <c r="E5" s="1" t="s">
        <v>95</v>
      </c>
      <c r="G5" s="1" t="s">
        <v>127</v>
      </c>
      <c r="J5" s="1" t="s">
        <v>173</v>
      </c>
      <c r="N5" s="1" t="s">
        <v>33</v>
      </c>
      <c r="P5" s="1" t="s">
        <v>35</v>
      </c>
      <c r="Q5" s="1" t="s">
        <v>40</v>
      </c>
      <c r="S5" s="1" t="s">
        <v>107</v>
      </c>
      <c r="U5" s="1">
        <v>7.1</v>
      </c>
      <c r="V5" s="1"/>
      <c r="W5" s="1"/>
      <c r="X5" s="1">
        <v>0.16</v>
      </c>
      <c r="Y5" s="1">
        <v>2.3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54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42499999999999999</v>
      </c>
      <c r="C6" s="1" t="s">
        <v>483</v>
      </c>
      <c r="D6" s="1" t="s">
        <v>64</v>
      </c>
      <c r="E6" s="1" t="s">
        <v>53</v>
      </c>
      <c r="F6" s="1" t="s">
        <v>220</v>
      </c>
      <c r="G6" s="1" t="s">
        <v>221</v>
      </c>
      <c r="J6" s="1" t="s">
        <v>30</v>
      </c>
      <c r="K6" s="1" t="s">
        <v>222</v>
      </c>
      <c r="M6" s="1" t="s">
        <v>83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223</v>
      </c>
      <c r="U6" s="1">
        <v>7.1</v>
      </c>
      <c r="V6" s="1"/>
      <c r="W6" s="1"/>
      <c r="X6" s="1">
        <v>0.11</v>
      </c>
      <c r="Y6" s="1">
        <v>1.4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3.42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42499999999999999</v>
      </c>
      <c r="C7" s="1" t="s">
        <v>485</v>
      </c>
      <c r="D7" s="1" t="s">
        <v>64</v>
      </c>
      <c r="E7" s="1" t="s">
        <v>53</v>
      </c>
      <c r="G7" s="1" t="s">
        <v>180</v>
      </c>
      <c r="J7" s="1" t="s">
        <v>173</v>
      </c>
      <c r="N7" s="1" t="s">
        <v>33</v>
      </c>
      <c r="P7" s="1" t="s">
        <v>35</v>
      </c>
      <c r="Q7" s="1" t="s">
        <v>40</v>
      </c>
      <c r="S7" s="1" t="s">
        <v>62</v>
      </c>
      <c r="U7" s="1">
        <v>6.6</v>
      </c>
      <c r="V7" s="1"/>
      <c r="W7" s="1"/>
      <c r="X7" s="1">
        <v>0.14000000000000001</v>
      </c>
      <c r="Y7" s="1">
        <v>1.7000000000000001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4.11999999999999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2499999999999999</v>
      </c>
      <c r="C8" s="1" t="s">
        <v>551</v>
      </c>
      <c r="D8" s="1" t="s">
        <v>64</v>
      </c>
      <c r="E8" s="1" t="s">
        <v>53</v>
      </c>
      <c r="J8" s="1" t="s">
        <v>188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39583333333333331</v>
      </c>
      <c r="C9" s="1" t="s">
        <v>483</v>
      </c>
      <c r="D9" s="1" t="s">
        <v>64</v>
      </c>
      <c r="E9" s="1" t="s">
        <v>486</v>
      </c>
      <c r="F9" s="1" t="s">
        <v>203</v>
      </c>
      <c r="G9" s="1" t="s">
        <v>224</v>
      </c>
      <c r="J9" s="1" t="s">
        <v>30</v>
      </c>
      <c r="K9" s="1" t="s">
        <v>225</v>
      </c>
      <c r="M9" s="1" t="s">
        <v>226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158</v>
      </c>
      <c r="U9" s="1">
        <v>7.5</v>
      </c>
      <c r="V9" s="1"/>
      <c r="W9" s="1"/>
      <c r="X9" s="1">
        <v>0.13</v>
      </c>
      <c r="Y9" s="1">
        <v>1.0999999999999999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92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39583333333333331</v>
      </c>
      <c r="C10" s="1" t="s">
        <v>485</v>
      </c>
      <c r="D10" s="1" t="s">
        <v>64</v>
      </c>
      <c r="E10" s="1" t="s">
        <v>486</v>
      </c>
      <c r="G10" s="1" t="s">
        <v>28</v>
      </c>
      <c r="J10" s="1" t="s">
        <v>173</v>
      </c>
      <c r="N10" s="1" t="s">
        <v>33</v>
      </c>
      <c r="P10" s="1" t="s">
        <v>35</v>
      </c>
      <c r="Q10" s="1" t="s">
        <v>58</v>
      </c>
      <c r="S10" s="1" t="s">
        <v>158</v>
      </c>
      <c r="U10" s="1">
        <v>7.4</v>
      </c>
      <c r="V10" s="1"/>
      <c r="W10" s="1"/>
      <c r="X10" s="1">
        <v>0.1</v>
      </c>
      <c r="Y10" s="1">
        <v>0.01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3.93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39583333333333331</v>
      </c>
      <c r="C11" s="1" t="s">
        <v>551</v>
      </c>
      <c r="D11" s="1" t="s">
        <v>64</v>
      </c>
      <c r="E11" s="1" t="s">
        <v>486</v>
      </c>
      <c r="J11" s="1" t="s">
        <v>188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40277777777777773</v>
      </c>
      <c r="C12" s="1" t="s">
        <v>483</v>
      </c>
      <c r="D12" s="1" t="s">
        <v>113</v>
      </c>
      <c r="E12" s="1" t="s">
        <v>53</v>
      </c>
      <c r="F12" s="1" t="s">
        <v>227</v>
      </c>
      <c r="G12" s="1" t="s">
        <v>228</v>
      </c>
      <c r="J12" s="1" t="s">
        <v>30</v>
      </c>
      <c r="K12" s="1" t="s">
        <v>218</v>
      </c>
      <c r="M12" s="1" t="s">
        <v>48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41</v>
      </c>
      <c r="U12" s="1">
        <v>7.9</v>
      </c>
      <c r="V12" s="1"/>
      <c r="W12" s="1"/>
      <c r="X12" s="1">
        <v>0.1</v>
      </c>
      <c r="Y12" s="1">
        <v>1.7000000000000001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32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40277777777777773</v>
      </c>
      <c r="C13" s="1" t="s">
        <v>485</v>
      </c>
      <c r="D13" s="1" t="s">
        <v>113</v>
      </c>
      <c r="E13" s="1" t="s">
        <v>53</v>
      </c>
      <c r="G13" s="1" t="s">
        <v>149</v>
      </c>
      <c r="J13" s="1" t="s">
        <v>173</v>
      </c>
      <c r="N13" s="1" t="s">
        <v>33</v>
      </c>
      <c r="P13" s="1" t="s">
        <v>35</v>
      </c>
      <c r="Q13" s="1" t="s">
        <v>40</v>
      </c>
      <c r="S13" s="1" t="s">
        <v>41</v>
      </c>
      <c r="U13" s="1">
        <v>7.9</v>
      </c>
      <c r="V13" s="1"/>
      <c r="W13" s="1"/>
      <c r="X13" s="1">
        <v>0.1</v>
      </c>
      <c r="Y13" s="1">
        <v>1.7000000000000001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56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0277777777777773</v>
      </c>
      <c r="C14" s="1" t="s">
        <v>551</v>
      </c>
      <c r="D14" s="1" t="s">
        <v>113</v>
      </c>
      <c r="E14" s="1" t="s">
        <v>53</v>
      </c>
      <c r="J14" s="1" t="s">
        <v>188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1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50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611111111111111</v>
      </c>
      <c r="C4" s="1" t="s">
        <v>483</v>
      </c>
      <c r="D4" s="1" t="s">
        <v>27</v>
      </c>
      <c r="E4" s="1" t="s">
        <v>486</v>
      </c>
      <c r="F4" s="1" t="s">
        <v>152</v>
      </c>
      <c r="G4" s="1" t="s">
        <v>229</v>
      </c>
      <c r="J4" s="1" t="s">
        <v>30</v>
      </c>
      <c r="K4" s="1" t="s">
        <v>230</v>
      </c>
      <c r="M4" s="1" t="s">
        <v>231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37</v>
      </c>
      <c r="U4" s="1">
        <v>8.1</v>
      </c>
      <c r="V4" s="1"/>
      <c r="W4" s="1"/>
      <c r="X4" s="1">
        <v>0.16</v>
      </c>
      <c r="Y4" s="1">
        <v>1.6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4</v>
      </c>
      <c r="BD4" s="1" t="s">
        <v>529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8.9999999999999993E-3</v>
      </c>
      <c r="BO4" s="1"/>
      <c r="BP4" s="1"/>
      <c r="BQ4" s="1">
        <v>34.44</v>
      </c>
      <c r="BR4" s="1"/>
      <c r="BS4" s="1"/>
      <c r="BT4" s="1">
        <v>2.6</v>
      </c>
      <c r="BU4" s="1"/>
      <c r="BV4" s="1"/>
      <c r="BW4" s="1"/>
      <c r="BX4" s="1"/>
      <c r="BY4" s="1"/>
      <c r="BZ4" s="1"/>
    </row>
    <row r="5" spans="1:78" x14ac:dyDescent="0.15">
      <c r="B5" s="2">
        <v>0.3611111111111111</v>
      </c>
      <c r="C5" s="1" t="s">
        <v>485</v>
      </c>
      <c r="D5" s="1" t="s">
        <v>27</v>
      </c>
      <c r="E5" s="1" t="s">
        <v>486</v>
      </c>
      <c r="G5" s="1" t="s">
        <v>160</v>
      </c>
      <c r="J5" s="1" t="s">
        <v>232</v>
      </c>
      <c r="N5" s="1" t="s">
        <v>33</v>
      </c>
      <c r="P5" s="1" t="s">
        <v>35</v>
      </c>
      <c r="Q5" s="1" t="s">
        <v>40</v>
      </c>
      <c r="S5" s="1" t="s">
        <v>201</v>
      </c>
      <c r="U5" s="1">
        <v>7.9</v>
      </c>
      <c r="V5" s="1"/>
      <c r="W5" s="1"/>
      <c r="X5" s="1">
        <v>0.17</v>
      </c>
      <c r="Y5" s="1">
        <v>2.1000000000000001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6</v>
      </c>
      <c r="BD5" s="1">
        <v>0.11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6E-2</v>
      </c>
      <c r="BO5" s="1"/>
      <c r="BP5" s="1"/>
      <c r="BQ5" s="1">
        <v>34.59000000000000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3611111111111111</v>
      </c>
      <c r="C6" s="1" t="s">
        <v>483</v>
      </c>
      <c r="D6" s="1" t="s">
        <v>113</v>
      </c>
      <c r="E6" s="1" t="s">
        <v>95</v>
      </c>
      <c r="F6" s="1" t="s">
        <v>233</v>
      </c>
      <c r="G6" s="1" t="s">
        <v>29</v>
      </c>
      <c r="J6" s="1" t="s">
        <v>30</v>
      </c>
      <c r="K6" s="1" t="s">
        <v>234</v>
      </c>
      <c r="M6" s="1" t="s">
        <v>235</v>
      </c>
      <c r="N6" s="1" t="s">
        <v>33</v>
      </c>
      <c r="O6" s="1" t="s">
        <v>186</v>
      </c>
      <c r="P6" s="1" t="s">
        <v>35</v>
      </c>
      <c r="Q6" s="1" t="s">
        <v>58</v>
      </c>
      <c r="S6" s="1" t="s">
        <v>37</v>
      </c>
      <c r="U6" s="1">
        <v>8.1</v>
      </c>
      <c r="V6" s="1" t="s">
        <v>521</v>
      </c>
      <c r="W6" s="1"/>
      <c r="X6" s="1">
        <v>0.09</v>
      </c>
      <c r="Y6" s="1">
        <v>1.4999999999999999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>
        <v>0.02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0.01</v>
      </c>
      <c r="BO6" s="1"/>
      <c r="BP6" s="1"/>
      <c r="BQ6" s="1">
        <v>34.28</v>
      </c>
      <c r="BR6" s="1"/>
      <c r="BS6" s="1"/>
      <c r="BT6" s="1">
        <v>0.6</v>
      </c>
      <c r="BU6" s="1"/>
      <c r="BV6" s="1"/>
      <c r="BW6" s="1"/>
      <c r="BX6" s="1"/>
      <c r="BY6" s="1"/>
      <c r="BZ6" s="1"/>
    </row>
    <row r="7" spans="1:78" x14ac:dyDescent="0.15">
      <c r="B7" s="2">
        <v>0.3611111111111111</v>
      </c>
      <c r="C7" s="1" t="s">
        <v>485</v>
      </c>
      <c r="D7" s="1" t="s">
        <v>113</v>
      </c>
      <c r="E7" s="1" t="s">
        <v>95</v>
      </c>
      <c r="G7" s="1" t="s">
        <v>236</v>
      </c>
      <c r="J7" s="1" t="s">
        <v>237</v>
      </c>
      <c r="N7" s="1" t="s">
        <v>33</v>
      </c>
      <c r="P7" s="1" t="s">
        <v>35</v>
      </c>
      <c r="Q7" s="1" t="s">
        <v>40</v>
      </c>
      <c r="S7" s="1" t="s">
        <v>41</v>
      </c>
      <c r="U7" s="1">
        <v>7.1</v>
      </c>
      <c r="V7" s="1"/>
      <c r="W7" s="1"/>
      <c r="X7" s="1">
        <v>0.15</v>
      </c>
      <c r="Y7" s="1">
        <v>2.1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1</v>
      </c>
      <c r="BD7" s="1">
        <v>0.15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0.02</v>
      </c>
      <c r="BO7" s="1"/>
      <c r="BP7" s="1"/>
      <c r="BQ7" s="1">
        <v>34.39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36527777777777781</v>
      </c>
      <c r="C8" s="1" t="s">
        <v>483</v>
      </c>
      <c r="D8" s="1" t="s">
        <v>113</v>
      </c>
      <c r="E8" s="1" t="s">
        <v>53</v>
      </c>
      <c r="F8" s="1" t="s">
        <v>207</v>
      </c>
      <c r="G8" s="1" t="s">
        <v>224</v>
      </c>
      <c r="J8" s="1" t="s">
        <v>30</v>
      </c>
      <c r="K8" s="1" t="s">
        <v>238</v>
      </c>
      <c r="M8" s="1" t="s">
        <v>239</v>
      </c>
      <c r="N8" s="1" t="s">
        <v>33</v>
      </c>
      <c r="O8" s="1" t="s">
        <v>240</v>
      </c>
      <c r="P8" s="1" t="s">
        <v>35</v>
      </c>
      <c r="Q8" s="1" t="s">
        <v>68</v>
      </c>
      <c r="S8" s="1" t="s">
        <v>241</v>
      </c>
      <c r="U8" s="1">
        <v>10.1</v>
      </c>
      <c r="V8" s="1"/>
      <c r="W8" s="1"/>
      <c r="X8" s="1">
        <v>0.17</v>
      </c>
      <c r="Y8" s="1">
        <v>1.7000000000000001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 t="s">
        <v>519</v>
      </c>
      <c r="BO8" s="1"/>
      <c r="BP8" s="1"/>
      <c r="BQ8" s="1">
        <v>32.5</v>
      </c>
      <c r="BR8" s="1"/>
      <c r="BS8" s="1"/>
      <c r="BT8" s="1">
        <v>4</v>
      </c>
      <c r="BU8" s="1"/>
      <c r="BV8" s="1"/>
      <c r="BW8" s="1"/>
      <c r="BX8" s="1"/>
      <c r="BY8" s="1"/>
      <c r="BZ8" s="1"/>
    </row>
    <row r="9" spans="1:78" x14ac:dyDescent="0.15">
      <c r="B9" s="2">
        <v>0.36527777777777781</v>
      </c>
      <c r="C9" s="1" t="s">
        <v>485</v>
      </c>
      <c r="D9" s="1" t="s">
        <v>113</v>
      </c>
      <c r="E9" s="1" t="s">
        <v>53</v>
      </c>
      <c r="G9" s="1" t="s">
        <v>216</v>
      </c>
      <c r="J9" s="1" t="s">
        <v>242</v>
      </c>
      <c r="N9" s="1" t="s">
        <v>33</v>
      </c>
      <c r="P9" s="1" t="s">
        <v>35</v>
      </c>
      <c r="Q9" s="1" t="s">
        <v>40</v>
      </c>
      <c r="S9" s="1" t="s">
        <v>93</v>
      </c>
      <c r="U9" s="1">
        <v>6.9</v>
      </c>
      <c r="V9" s="1"/>
      <c r="W9" s="1"/>
      <c r="X9" s="1">
        <v>0.16</v>
      </c>
      <c r="Y9" s="1">
        <v>2.1000000000000001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>
        <v>0.09</v>
      </c>
      <c r="BD9" s="1">
        <v>0.14000000000000001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1.7999999999999999E-2</v>
      </c>
      <c r="BO9" s="1"/>
      <c r="BP9" s="1"/>
      <c r="BQ9" s="1">
        <v>34.22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32291666666666669</v>
      </c>
      <c r="C10" s="1" t="s">
        <v>483</v>
      </c>
      <c r="D10" s="1" t="s">
        <v>64</v>
      </c>
      <c r="E10" s="1" t="s">
        <v>53</v>
      </c>
      <c r="F10" s="1" t="s">
        <v>243</v>
      </c>
      <c r="G10" s="1" t="s">
        <v>244</v>
      </c>
      <c r="J10" s="1" t="s">
        <v>30</v>
      </c>
      <c r="K10" s="1" t="s">
        <v>234</v>
      </c>
      <c r="M10" s="1" t="s">
        <v>245</v>
      </c>
      <c r="N10" s="1" t="s">
        <v>33</v>
      </c>
      <c r="O10" s="1" t="s">
        <v>179</v>
      </c>
      <c r="P10" s="1" t="s">
        <v>35</v>
      </c>
      <c r="Q10" s="1" t="s">
        <v>40</v>
      </c>
      <c r="S10" s="1" t="s">
        <v>182</v>
      </c>
      <c r="U10" s="1">
        <v>8.5</v>
      </c>
      <c r="V10" s="1"/>
      <c r="W10" s="1"/>
      <c r="X10" s="1">
        <v>0.11</v>
      </c>
      <c r="Y10" s="1">
        <v>8.9999999999999993E-3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1E-3</v>
      </c>
      <c r="BO10" s="1"/>
      <c r="BP10" s="1"/>
      <c r="BQ10" s="1">
        <v>33.799999999999997</v>
      </c>
      <c r="BR10" s="1"/>
      <c r="BS10" s="1"/>
      <c r="BT10" s="1">
        <v>1.7</v>
      </c>
      <c r="BU10" s="1"/>
      <c r="BV10" s="1"/>
      <c r="BW10" s="1"/>
      <c r="BX10" s="1"/>
      <c r="BY10" s="1"/>
      <c r="BZ10" s="1"/>
    </row>
    <row r="11" spans="1:78" x14ac:dyDescent="0.15">
      <c r="B11" s="2">
        <v>0.32291666666666669</v>
      </c>
      <c r="C11" s="1" t="s">
        <v>485</v>
      </c>
      <c r="D11" s="1" t="s">
        <v>64</v>
      </c>
      <c r="E11" s="1" t="s">
        <v>53</v>
      </c>
      <c r="G11" s="1" t="s">
        <v>246</v>
      </c>
      <c r="J11" s="1" t="s">
        <v>237</v>
      </c>
      <c r="N11" s="1" t="s">
        <v>33</v>
      </c>
      <c r="P11" s="1" t="s">
        <v>35</v>
      </c>
      <c r="Q11" s="1" t="s">
        <v>36</v>
      </c>
      <c r="S11" s="1" t="s">
        <v>37</v>
      </c>
      <c r="U11" s="1">
        <v>6.9</v>
      </c>
      <c r="V11" s="1"/>
      <c r="W11" s="1"/>
      <c r="X11" s="1">
        <v>0.25</v>
      </c>
      <c r="Y11" s="1">
        <v>2.1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>
        <v>0.09</v>
      </c>
      <c r="BD11" s="1">
        <v>0.14000000000000001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0.02</v>
      </c>
      <c r="BO11" s="1"/>
      <c r="BP11" s="1"/>
      <c r="BQ11" s="1">
        <v>34.369999999999997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2291666666666669</v>
      </c>
      <c r="C12" s="1" t="s">
        <v>551</v>
      </c>
      <c r="D12" s="1" t="s">
        <v>64</v>
      </c>
      <c r="E12" s="1" t="s">
        <v>53</v>
      </c>
      <c r="J12" s="1" t="s">
        <v>55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44513888888888892</v>
      </c>
      <c r="C13" s="1" t="s">
        <v>483</v>
      </c>
      <c r="D13" s="1" t="s">
        <v>64</v>
      </c>
      <c r="E13" s="1" t="s">
        <v>53</v>
      </c>
      <c r="F13" s="1" t="s">
        <v>220</v>
      </c>
      <c r="G13" s="1" t="s">
        <v>191</v>
      </c>
      <c r="J13" s="1" t="s">
        <v>30</v>
      </c>
      <c r="K13" s="1" t="s">
        <v>234</v>
      </c>
      <c r="M13" s="1" t="s">
        <v>141</v>
      </c>
      <c r="N13" s="1" t="s">
        <v>33</v>
      </c>
      <c r="O13" s="1" t="s">
        <v>179</v>
      </c>
      <c r="P13" s="1" t="s">
        <v>35</v>
      </c>
      <c r="Q13" s="1" t="s">
        <v>58</v>
      </c>
      <c r="S13" s="1" t="s">
        <v>77</v>
      </c>
      <c r="U13" s="1">
        <v>7.3</v>
      </c>
      <c r="V13" s="1" t="s">
        <v>521</v>
      </c>
      <c r="W13" s="1" t="s">
        <v>514</v>
      </c>
      <c r="X13" s="1">
        <v>0.1</v>
      </c>
      <c r="Y13" s="1">
        <v>1.2E-2</v>
      </c>
      <c r="Z13" s="1">
        <v>1E-3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 t="s">
        <v>518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1E-3</v>
      </c>
      <c r="BO13" s="1"/>
      <c r="BP13" s="1"/>
      <c r="BQ13" s="1">
        <v>33.71</v>
      </c>
      <c r="BR13" s="1"/>
      <c r="BS13" s="1"/>
      <c r="BT13" s="1">
        <v>1.6</v>
      </c>
      <c r="BU13" s="1"/>
      <c r="BV13" s="1"/>
      <c r="BW13" s="1"/>
      <c r="BX13" s="1"/>
      <c r="BY13" s="1"/>
      <c r="BZ13" s="1"/>
    </row>
    <row r="14" spans="1:78" x14ac:dyDescent="0.15">
      <c r="B14" s="2">
        <v>0.44513888888888892</v>
      </c>
      <c r="C14" s="1" t="s">
        <v>485</v>
      </c>
      <c r="D14" s="1" t="s">
        <v>64</v>
      </c>
      <c r="E14" s="1" t="s">
        <v>53</v>
      </c>
      <c r="G14" s="1" t="s">
        <v>203</v>
      </c>
      <c r="J14" s="1" t="s">
        <v>237</v>
      </c>
      <c r="N14" s="1" t="s">
        <v>33</v>
      </c>
      <c r="P14" s="1" t="s">
        <v>35</v>
      </c>
      <c r="Q14" s="1" t="s">
        <v>36</v>
      </c>
      <c r="S14" s="1" t="s">
        <v>37</v>
      </c>
      <c r="U14" s="1">
        <v>6.1</v>
      </c>
      <c r="V14" s="1"/>
      <c r="W14" s="1"/>
      <c r="X14" s="1">
        <v>0.14000000000000001</v>
      </c>
      <c r="Y14" s="1">
        <v>2.3E-2</v>
      </c>
      <c r="Z14" s="1">
        <v>1.1000000000000001E-3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>
        <v>0.1</v>
      </c>
      <c r="BD14" s="1">
        <v>0.15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1.9E-2</v>
      </c>
      <c r="BO14" s="1"/>
      <c r="BP14" s="1"/>
      <c r="BQ14" s="1">
        <v>34.39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4513888888888892</v>
      </c>
      <c r="C15" s="1" t="s">
        <v>551</v>
      </c>
      <c r="D15" s="1" t="s">
        <v>64</v>
      </c>
      <c r="E15" s="1" t="s">
        <v>53</v>
      </c>
      <c r="J15" s="1" t="s">
        <v>55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37638888888888888</v>
      </c>
      <c r="C16" s="1" t="s">
        <v>483</v>
      </c>
      <c r="D16" s="1" t="s">
        <v>64</v>
      </c>
      <c r="E16" s="1" t="s">
        <v>484</v>
      </c>
      <c r="F16" s="1" t="s">
        <v>60</v>
      </c>
      <c r="G16" s="1" t="s">
        <v>247</v>
      </c>
      <c r="J16" s="1" t="s">
        <v>30</v>
      </c>
      <c r="K16" s="1" t="s">
        <v>234</v>
      </c>
      <c r="M16" s="1" t="s">
        <v>212</v>
      </c>
      <c r="N16" s="1" t="s">
        <v>33</v>
      </c>
      <c r="O16" s="1" t="s">
        <v>186</v>
      </c>
      <c r="P16" s="1" t="s">
        <v>35</v>
      </c>
      <c r="Q16" s="1" t="s">
        <v>40</v>
      </c>
      <c r="S16" s="1" t="s">
        <v>172</v>
      </c>
      <c r="U16" s="1">
        <v>6.8</v>
      </c>
      <c r="V16" s="1"/>
      <c r="W16" s="1"/>
      <c r="X16" s="1">
        <v>0.12</v>
      </c>
      <c r="Y16" s="1">
        <v>1.7000000000000001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>
        <v>0.02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0.01</v>
      </c>
      <c r="BO16" s="1"/>
      <c r="BP16" s="1"/>
      <c r="BQ16" s="1">
        <v>33.64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37638888888888888</v>
      </c>
      <c r="C17" s="1" t="s">
        <v>485</v>
      </c>
      <c r="D17" s="1" t="s">
        <v>64</v>
      </c>
      <c r="E17" s="1" t="s">
        <v>484</v>
      </c>
      <c r="G17" s="1" t="s">
        <v>204</v>
      </c>
      <c r="J17" s="1" t="s">
        <v>237</v>
      </c>
      <c r="N17" s="1" t="s">
        <v>33</v>
      </c>
      <c r="P17" s="1" t="s">
        <v>35</v>
      </c>
      <c r="Q17" s="1" t="s">
        <v>40</v>
      </c>
      <c r="S17" s="1" t="s">
        <v>201</v>
      </c>
      <c r="U17" s="1">
        <v>6.5</v>
      </c>
      <c r="V17" s="1"/>
      <c r="W17" s="1"/>
      <c r="X17" s="1">
        <v>0.15</v>
      </c>
      <c r="Y17" s="1">
        <v>1.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>
        <v>0.06</v>
      </c>
      <c r="BD17" s="1">
        <v>0.11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1.2E-2</v>
      </c>
      <c r="BO17" s="1"/>
      <c r="BP17" s="1"/>
      <c r="BQ17" s="1">
        <v>34.380000000000003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37638888888888888</v>
      </c>
      <c r="C18" s="1" t="s">
        <v>551</v>
      </c>
      <c r="D18" s="1" t="s">
        <v>64</v>
      </c>
      <c r="E18" s="1" t="s">
        <v>484</v>
      </c>
      <c r="J18" s="1" t="s">
        <v>55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51388888888888895</v>
      </c>
      <c r="C19" s="1" t="s">
        <v>483</v>
      </c>
      <c r="D19" s="1" t="s">
        <v>64</v>
      </c>
      <c r="E19" s="1" t="s">
        <v>53</v>
      </c>
      <c r="F19" s="1" t="s">
        <v>248</v>
      </c>
      <c r="G19" s="1" t="s">
        <v>82</v>
      </c>
      <c r="J19" s="1" t="s">
        <v>30</v>
      </c>
      <c r="K19" s="1" t="s">
        <v>249</v>
      </c>
      <c r="M19" s="1" t="s">
        <v>250</v>
      </c>
      <c r="N19" s="1" t="s">
        <v>33</v>
      </c>
      <c r="O19" s="1" t="s">
        <v>171</v>
      </c>
      <c r="P19" s="1" t="s">
        <v>35</v>
      </c>
      <c r="Q19" s="1" t="s">
        <v>58</v>
      </c>
      <c r="S19" s="1" t="s">
        <v>251</v>
      </c>
      <c r="U19" s="1">
        <v>7.6</v>
      </c>
      <c r="V19" s="1"/>
      <c r="W19" s="1"/>
      <c r="X19" s="1">
        <v>0.17</v>
      </c>
      <c r="Y19" s="1">
        <v>1.7999999999999999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0.1</v>
      </c>
      <c r="BD19" s="1">
        <v>0.15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8.9999999999999993E-3</v>
      </c>
      <c r="BO19" s="1"/>
      <c r="BP19" s="1"/>
      <c r="BQ19" s="1">
        <v>32.57</v>
      </c>
      <c r="BR19" s="1" t="s">
        <v>537</v>
      </c>
      <c r="BS19" s="1"/>
      <c r="BT19" s="1">
        <v>1.5</v>
      </c>
      <c r="BU19" s="1"/>
      <c r="BV19" s="1"/>
      <c r="BW19" s="1"/>
      <c r="BX19" s="1"/>
      <c r="BY19" s="1"/>
      <c r="BZ19" s="1"/>
    </row>
    <row r="20" spans="1:78" x14ac:dyDescent="0.15">
      <c r="B20" s="2">
        <v>0.51388888888888895</v>
      </c>
      <c r="C20" s="1" t="s">
        <v>485</v>
      </c>
      <c r="D20" s="1" t="s">
        <v>64</v>
      </c>
      <c r="E20" s="1" t="s">
        <v>53</v>
      </c>
      <c r="G20" s="1" t="s">
        <v>252</v>
      </c>
      <c r="J20" s="1" t="s">
        <v>253</v>
      </c>
      <c r="N20" s="1" t="s">
        <v>33</v>
      </c>
      <c r="P20" s="1" t="s">
        <v>35</v>
      </c>
      <c r="Q20" s="1" t="s">
        <v>40</v>
      </c>
      <c r="S20" s="1" t="s">
        <v>41</v>
      </c>
      <c r="U20" s="1">
        <v>6.7</v>
      </c>
      <c r="V20" s="1"/>
      <c r="W20" s="1"/>
      <c r="X20" s="1">
        <v>0.12</v>
      </c>
      <c r="Y20" s="1">
        <v>1.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16</v>
      </c>
      <c r="BC20" s="1">
        <v>0.09</v>
      </c>
      <c r="BD20" s="1">
        <v>0.14000000000000001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1.9E-2</v>
      </c>
      <c r="BO20" s="1"/>
      <c r="BP20" s="1"/>
      <c r="BQ20" s="1">
        <v>34.25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51388888888888895</v>
      </c>
      <c r="C21" s="1" t="s">
        <v>551</v>
      </c>
      <c r="D21" s="1" t="s">
        <v>64</v>
      </c>
      <c r="E21" s="1" t="s">
        <v>53</v>
      </c>
      <c r="J21" s="1" t="s">
        <v>82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 t="s">
        <v>517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5.9999999999999995E-4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41805555555555557</v>
      </c>
      <c r="C22" s="1" t="s">
        <v>483</v>
      </c>
      <c r="D22" s="1" t="s">
        <v>64</v>
      </c>
      <c r="E22" s="1" t="s">
        <v>486</v>
      </c>
      <c r="F22" s="1" t="s">
        <v>254</v>
      </c>
      <c r="G22" s="1" t="s">
        <v>28</v>
      </c>
      <c r="J22" s="1" t="s">
        <v>30</v>
      </c>
      <c r="K22" s="1" t="s">
        <v>255</v>
      </c>
      <c r="M22" s="1" t="s">
        <v>256</v>
      </c>
      <c r="N22" s="1" t="s">
        <v>33</v>
      </c>
      <c r="O22" s="1" t="s">
        <v>186</v>
      </c>
      <c r="P22" s="1" t="s">
        <v>35</v>
      </c>
      <c r="Q22" s="1" t="s">
        <v>40</v>
      </c>
      <c r="S22" s="1" t="s">
        <v>100</v>
      </c>
      <c r="U22" s="1">
        <v>7.5</v>
      </c>
      <c r="V22" s="1" t="s">
        <v>521</v>
      </c>
      <c r="W22" s="1"/>
      <c r="X22" s="1">
        <v>0.12</v>
      </c>
      <c r="Y22" s="1">
        <v>1.4E-2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>
        <v>0.03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7.0000000000000001E-3</v>
      </c>
      <c r="BO22" s="1"/>
      <c r="BP22" s="1"/>
      <c r="BQ22" s="1">
        <v>33.799999999999997</v>
      </c>
      <c r="BR22" s="1"/>
      <c r="BS22" s="1"/>
      <c r="BT22" s="1">
        <v>0.7</v>
      </c>
      <c r="BU22" s="1"/>
      <c r="BV22" s="1"/>
      <c r="BW22" s="1"/>
      <c r="BX22" s="1"/>
      <c r="BY22" s="1"/>
      <c r="BZ22" s="1"/>
    </row>
    <row r="23" spans="1:78" x14ac:dyDescent="0.15">
      <c r="B23" s="2">
        <v>0.41805555555555557</v>
      </c>
      <c r="C23" s="1" t="s">
        <v>485</v>
      </c>
      <c r="D23" s="1" t="s">
        <v>64</v>
      </c>
      <c r="E23" s="1" t="s">
        <v>486</v>
      </c>
      <c r="G23" s="1" t="s">
        <v>257</v>
      </c>
      <c r="J23" s="1" t="s">
        <v>258</v>
      </c>
      <c r="N23" s="1" t="s">
        <v>33</v>
      </c>
      <c r="P23" s="1" t="s">
        <v>35</v>
      </c>
      <c r="Q23" s="1" t="s">
        <v>40</v>
      </c>
      <c r="S23" s="1" t="s">
        <v>41</v>
      </c>
      <c r="U23" s="1">
        <v>7.4</v>
      </c>
      <c r="V23" s="1"/>
      <c r="W23" s="1"/>
      <c r="X23" s="1">
        <v>0.13</v>
      </c>
      <c r="Y23" s="1">
        <v>1.4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>
        <v>0.03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7.0000000000000001E-3</v>
      </c>
      <c r="BO23" s="1"/>
      <c r="BP23" s="1"/>
      <c r="BQ23" s="1">
        <v>33.85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1805555555555557</v>
      </c>
      <c r="C24" s="1" t="s">
        <v>551</v>
      </c>
      <c r="D24" s="1" t="s">
        <v>64</v>
      </c>
      <c r="E24" s="1" t="s">
        <v>486</v>
      </c>
      <c r="J24" s="1" t="s">
        <v>259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38263888888888892</v>
      </c>
      <c r="C25" s="1" t="s">
        <v>483</v>
      </c>
      <c r="D25" s="1" t="s">
        <v>27</v>
      </c>
      <c r="E25" s="1" t="s">
        <v>484</v>
      </c>
      <c r="F25" s="1" t="s">
        <v>260</v>
      </c>
      <c r="G25" s="1" t="s">
        <v>246</v>
      </c>
      <c r="J25" s="1" t="s">
        <v>30</v>
      </c>
      <c r="K25" s="1" t="s">
        <v>261</v>
      </c>
      <c r="M25" s="1" t="s">
        <v>262</v>
      </c>
      <c r="N25" s="1" t="s">
        <v>33</v>
      </c>
      <c r="O25" s="1" t="s">
        <v>186</v>
      </c>
      <c r="P25" s="1" t="s">
        <v>35</v>
      </c>
      <c r="Q25" s="1" t="s">
        <v>40</v>
      </c>
      <c r="S25" s="1" t="s">
        <v>87</v>
      </c>
      <c r="U25" s="1">
        <v>7.7</v>
      </c>
      <c r="V25" s="1"/>
      <c r="W25" s="1"/>
      <c r="X25" s="1">
        <v>0.12</v>
      </c>
      <c r="Y25" s="1">
        <v>1.2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2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5.0000000000000001E-3</v>
      </c>
      <c r="BO25" s="1"/>
      <c r="BP25" s="1"/>
      <c r="BQ25" s="1">
        <v>34.32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38263888888888892</v>
      </c>
      <c r="C26" s="1" t="s">
        <v>485</v>
      </c>
      <c r="D26" s="1" t="s">
        <v>27</v>
      </c>
      <c r="E26" s="1" t="s">
        <v>484</v>
      </c>
      <c r="G26" s="1" t="s">
        <v>96</v>
      </c>
      <c r="J26" s="1" t="s">
        <v>263</v>
      </c>
      <c r="N26" s="1" t="s">
        <v>33</v>
      </c>
      <c r="P26" s="1" t="s">
        <v>35</v>
      </c>
      <c r="Q26" s="1" t="s">
        <v>40</v>
      </c>
      <c r="S26" s="1" t="s">
        <v>93</v>
      </c>
      <c r="U26" s="1">
        <v>7.4</v>
      </c>
      <c r="V26" s="1"/>
      <c r="W26" s="1"/>
      <c r="X26" s="1">
        <v>0.12</v>
      </c>
      <c r="Y26" s="1">
        <v>1.7000000000000001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5</v>
      </c>
      <c r="BD26" s="1">
        <v>0.1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9999999999999993E-3</v>
      </c>
      <c r="BO26" s="1"/>
      <c r="BP26" s="1"/>
      <c r="BQ26" s="1">
        <v>34.479999999999997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38263888888888892</v>
      </c>
      <c r="C27" s="1" t="s">
        <v>551</v>
      </c>
      <c r="D27" s="1" t="s">
        <v>27</v>
      </c>
      <c r="E27" s="1" t="s">
        <v>484</v>
      </c>
      <c r="J27" s="1" t="s">
        <v>155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40972222222222227</v>
      </c>
      <c r="C28" s="1" t="s">
        <v>483</v>
      </c>
      <c r="D28" s="1" t="s">
        <v>27</v>
      </c>
      <c r="E28" s="1" t="s">
        <v>53</v>
      </c>
      <c r="F28" s="1" t="s">
        <v>178</v>
      </c>
      <c r="G28" s="1" t="s">
        <v>147</v>
      </c>
      <c r="J28" s="1" t="s">
        <v>30</v>
      </c>
      <c r="K28" s="1" t="s">
        <v>264</v>
      </c>
      <c r="M28" s="1" t="s">
        <v>265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87</v>
      </c>
      <c r="U28" s="1">
        <v>7.7</v>
      </c>
      <c r="V28" s="1"/>
      <c r="W28" s="1"/>
      <c r="X28" s="1">
        <v>0.12</v>
      </c>
      <c r="Y28" s="1">
        <v>1.2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2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7.0000000000000001E-3</v>
      </c>
      <c r="BO28" s="1"/>
      <c r="BP28" s="1"/>
      <c r="BQ28" s="1">
        <v>34.520000000000003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40972222222222227</v>
      </c>
      <c r="C29" s="1" t="s">
        <v>485</v>
      </c>
      <c r="D29" s="1" t="s">
        <v>27</v>
      </c>
      <c r="E29" s="1" t="s">
        <v>53</v>
      </c>
      <c r="G29" s="1" t="s">
        <v>149</v>
      </c>
      <c r="J29" s="1" t="s">
        <v>266</v>
      </c>
      <c r="N29" s="1" t="s">
        <v>33</v>
      </c>
      <c r="P29" s="1" t="s">
        <v>35</v>
      </c>
      <c r="Q29" s="1" t="s">
        <v>58</v>
      </c>
      <c r="S29" s="1" t="s">
        <v>107</v>
      </c>
      <c r="U29" s="1">
        <v>7.7</v>
      </c>
      <c r="V29" s="1"/>
      <c r="W29" s="1"/>
      <c r="X29" s="1">
        <v>0.15</v>
      </c>
      <c r="Y29" s="1">
        <v>1.4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3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8.9999999999999993E-3</v>
      </c>
      <c r="BO29" s="1"/>
      <c r="BP29" s="1"/>
      <c r="BQ29" s="1">
        <v>34.52000000000000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0972222222222227</v>
      </c>
      <c r="C30" s="1" t="s">
        <v>551</v>
      </c>
      <c r="D30" s="1" t="s">
        <v>27</v>
      </c>
      <c r="E30" s="1" t="s">
        <v>53</v>
      </c>
      <c r="J30" s="1" t="s">
        <v>267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42083333333333334</v>
      </c>
      <c r="C31" s="1" t="s">
        <v>483</v>
      </c>
      <c r="D31" s="1" t="s">
        <v>113</v>
      </c>
      <c r="E31" s="1" t="s">
        <v>53</v>
      </c>
      <c r="F31" s="1" t="s">
        <v>213</v>
      </c>
      <c r="G31" s="1" t="s">
        <v>228</v>
      </c>
      <c r="J31" s="1" t="s">
        <v>30</v>
      </c>
      <c r="K31" s="1" t="s">
        <v>242</v>
      </c>
      <c r="M31" s="1" t="s">
        <v>216</v>
      </c>
      <c r="N31" s="1" t="s">
        <v>33</v>
      </c>
      <c r="O31" s="1" t="s">
        <v>186</v>
      </c>
      <c r="P31" s="1" t="s">
        <v>35</v>
      </c>
      <c r="Q31" s="1" t="s">
        <v>40</v>
      </c>
      <c r="S31" s="1" t="s">
        <v>41</v>
      </c>
      <c r="U31" s="1">
        <v>8.1</v>
      </c>
      <c r="V31" s="1" t="s">
        <v>521</v>
      </c>
      <c r="W31" s="1" t="s">
        <v>514</v>
      </c>
      <c r="X31" s="1">
        <v>0.1</v>
      </c>
      <c r="Y31" s="1">
        <v>1.7999999999999999E-2</v>
      </c>
      <c r="Z31" s="1">
        <v>8.0000000000000004E-4</v>
      </c>
      <c r="AA31" t="s">
        <v>552</v>
      </c>
      <c r="AB31" t="s">
        <v>53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0.06</v>
      </c>
      <c r="BD31" s="1">
        <v>0.1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0.01</v>
      </c>
      <c r="BO31" s="1"/>
      <c r="BP31" s="1"/>
      <c r="BQ31" s="1">
        <v>34.380000000000003</v>
      </c>
      <c r="BR31" s="1"/>
      <c r="BS31" s="1"/>
      <c r="BT31" s="1">
        <v>0.6</v>
      </c>
      <c r="BU31" s="1"/>
      <c r="BV31" s="1"/>
      <c r="BW31" s="1"/>
      <c r="BX31" s="1"/>
      <c r="BY31" s="1"/>
      <c r="BZ31" s="1"/>
    </row>
    <row r="32" spans="1:78" x14ac:dyDescent="0.15">
      <c r="B32" s="2">
        <v>0.42083333333333334</v>
      </c>
      <c r="C32" s="1" t="s">
        <v>485</v>
      </c>
      <c r="D32" s="1" t="s">
        <v>113</v>
      </c>
      <c r="E32" s="1" t="s">
        <v>53</v>
      </c>
      <c r="G32" s="1" t="s">
        <v>169</v>
      </c>
      <c r="J32" s="1" t="s">
        <v>268</v>
      </c>
      <c r="N32" s="1" t="s">
        <v>33</v>
      </c>
      <c r="P32" s="1" t="s">
        <v>35</v>
      </c>
      <c r="Q32" s="1" t="s">
        <v>40</v>
      </c>
      <c r="S32" s="1" t="s">
        <v>41</v>
      </c>
      <c r="U32" s="1">
        <v>7.8</v>
      </c>
      <c r="V32" s="1"/>
      <c r="W32" s="1"/>
      <c r="X32" s="1">
        <v>0.12</v>
      </c>
      <c r="Y32" s="1">
        <v>1.4999999999999999E-2</v>
      </c>
      <c r="Z32" s="1">
        <v>1.6999999999999999E-3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6</v>
      </c>
      <c r="BC32" s="1">
        <v>0.06</v>
      </c>
      <c r="BD32" s="1">
        <v>0.11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2E-2</v>
      </c>
      <c r="BO32" s="1"/>
      <c r="BP32" s="1"/>
      <c r="BQ32" s="1">
        <v>34.40999999999999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2083333333333334</v>
      </c>
      <c r="C33" s="1" t="s">
        <v>551</v>
      </c>
      <c r="D33" s="1" t="s">
        <v>113</v>
      </c>
      <c r="E33" s="1" t="s">
        <v>53</v>
      </c>
      <c r="J33" s="1" t="s">
        <v>267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36805555555555558</v>
      </c>
      <c r="C34" s="1" t="s">
        <v>483</v>
      </c>
      <c r="D34" s="1" t="s">
        <v>64</v>
      </c>
      <c r="E34" s="1" t="s">
        <v>484</v>
      </c>
      <c r="F34" s="1" t="s">
        <v>167</v>
      </c>
      <c r="G34" s="1" t="s">
        <v>228</v>
      </c>
      <c r="J34" s="1" t="s">
        <v>30</v>
      </c>
      <c r="K34" s="1" t="s">
        <v>266</v>
      </c>
      <c r="M34" s="1" t="s">
        <v>269</v>
      </c>
      <c r="N34" s="1" t="s">
        <v>33</v>
      </c>
      <c r="O34" s="1" t="s">
        <v>186</v>
      </c>
      <c r="P34" s="1" t="s">
        <v>35</v>
      </c>
      <c r="Q34" s="1" t="s">
        <v>58</v>
      </c>
      <c r="S34" s="1" t="s">
        <v>158</v>
      </c>
      <c r="U34" s="1">
        <v>8.5</v>
      </c>
      <c r="V34" s="1"/>
      <c r="W34" s="1"/>
      <c r="X34" s="1">
        <v>0.12</v>
      </c>
      <c r="Y34" s="1">
        <v>1.299999999999999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4</v>
      </c>
      <c r="BD34" s="1" t="s">
        <v>529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5.0000000000000001E-3</v>
      </c>
      <c r="BO34" s="1"/>
      <c r="BP34" s="1"/>
      <c r="BQ34" s="1">
        <v>34.659999999999997</v>
      </c>
      <c r="BR34" s="1"/>
      <c r="BS34" s="1"/>
      <c r="BT34" s="1">
        <v>0.8</v>
      </c>
      <c r="BU34" s="1"/>
      <c r="BV34" s="1"/>
      <c r="BW34" s="1"/>
      <c r="BX34" s="1"/>
      <c r="BY34" s="1"/>
      <c r="BZ34" s="1"/>
    </row>
    <row r="35" spans="1:78" x14ac:dyDescent="0.15">
      <c r="B35" s="2">
        <v>0.36805555555555558</v>
      </c>
      <c r="C35" s="1" t="s">
        <v>485</v>
      </c>
      <c r="D35" s="1" t="s">
        <v>64</v>
      </c>
      <c r="E35" s="1" t="s">
        <v>484</v>
      </c>
      <c r="G35" s="1" t="s">
        <v>270</v>
      </c>
      <c r="J35" s="1" t="s">
        <v>271</v>
      </c>
      <c r="N35" s="1" t="s">
        <v>33</v>
      </c>
      <c r="P35" s="1" t="s">
        <v>35</v>
      </c>
      <c r="Q35" s="1" t="s">
        <v>58</v>
      </c>
      <c r="S35" s="1" t="s">
        <v>158</v>
      </c>
      <c r="U35" s="1">
        <v>8.4</v>
      </c>
      <c r="V35" s="1"/>
      <c r="W35" s="1"/>
      <c r="X35" s="1">
        <v>0.18</v>
      </c>
      <c r="Y35" s="1">
        <v>1.4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4.0000000000000001E-3</v>
      </c>
      <c r="BO35" s="1"/>
      <c r="BP35" s="1"/>
      <c r="BQ35" s="1">
        <v>34.76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6805555555555558</v>
      </c>
      <c r="C36" s="1" t="s">
        <v>551</v>
      </c>
      <c r="D36" s="1" t="s">
        <v>64</v>
      </c>
      <c r="E36" s="1" t="s">
        <v>484</v>
      </c>
      <c r="J36" s="1" t="s">
        <v>89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2</v>
      </c>
      <c r="E1" s="1" t="s">
        <v>2</v>
      </c>
      <c r="F1" s="1" t="s">
        <v>474</v>
      </c>
      <c r="G1" s="1" t="s">
        <v>3</v>
      </c>
      <c r="H1" s="1" t="s">
        <v>493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72</v>
      </c>
      <c r="B4" s="2">
        <v>0.55902777777777779</v>
      </c>
      <c r="C4" s="1" t="s">
        <v>483</v>
      </c>
      <c r="D4" s="1" t="s">
        <v>27</v>
      </c>
      <c r="E4" s="1" t="s">
        <v>53</v>
      </c>
      <c r="F4" s="1" t="s">
        <v>90</v>
      </c>
      <c r="G4" s="1" t="s">
        <v>44</v>
      </c>
      <c r="J4" s="1" t="s">
        <v>30</v>
      </c>
      <c r="K4" s="1" t="s">
        <v>31</v>
      </c>
      <c r="M4" s="1" t="s">
        <v>110</v>
      </c>
      <c r="N4" s="1" t="s">
        <v>33</v>
      </c>
      <c r="O4" s="1" t="s">
        <v>273</v>
      </c>
      <c r="P4" s="1" t="s">
        <v>35</v>
      </c>
      <c r="Q4" s="1" t="s">
        <v>40</v>
      </c>
      <c r="S4" s="1" t="s">
        <v>80</v>
      </c>
      <c r="U4" s="1">
        <v>8.4</v>
      </c>
      <c r="V4" s="3">
        <v>2</v>
      </c>
      <c r="W4" s="1"/>
      <c r="X4" s="1">
        <v>0.18</v>
      </c>
      <c r="Y4" s="1">
        <v>2.4E-2</v>
      </c>
      <c r="Z4" s="1">
        <v>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31</v>
      </c>
      <c r="BC4" s="1">
        <v>0.11</v>
      </c>
      <c r="BD4" s="1">
        <v>0.16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1.4E-2</v>
      </c>
      <c r="BO4" s="1"/>
      <c r="BP4" s="1"/>
      <c r="BQ4" s="1">
        <v>34.229999999999997</v>
      </c>
      <c r="BR4" s="1"/>
      <c r="BS4" s="1"/>
      <c r="BT4" s="1">
        <v>3.5</v>
      </c>
      <c r="BU4" s="1"/>
      <c r="BV4" s="1"/>
      <c r="BW4" s="1"/>
      <c r="BX4" s="1"/>
      <c r="BY4" s="1"/>
      <c r="BZ4" s="1"/>
    </row>
    <row r="5" spans="1:78" x14ac:dyDescent="0.15">
      <c r="B5" s="2">
        <v>0.5625</v>
      </c>
      <c r="C5" s="1" t="s">
        <v>485</v>
      </c>
      <c r="D5" s="1" t="s">
        <v>27</v>
      </c>
      <c r="E5" s="1" t="s">
        <v>53</v>
      </c>
      <c r="F5" s="1" t="s">
        <v>90</v>
      </c>
      <c r="G5" s="1" t="s">
        <v>198</v>
      </c>
      <c r="J5" s="1" t="s">
        <v>39</v>
      </c>
      <c r="N5" s="1" t="s">
        <v>33</v>
      </c>
      <c r="P5" s="1" t="s">
        <v>35</v>
      </c>
      <c r="Q5" s="1" t="s">
        <v>40</v>
      </c>
      <c r="S5" s="1" t="s">
        <v>201</v>
      </c>
      <c r="U5" s="1">
        <v>8</v>
      </c>
      <c r="V5" s="1"/>
      <c r="W5" s="1"/>
      <c r="X5" s="1">
        <v>0.16</v>
      </c>
      <c r="Y5" s="1">
        <v>1.7999999999999999E-2</v>
      </c>
      <c r="Z5" s="1">
        <v>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31</v>
      </c>
      <c r="BC5" s="1">
        <v>7.0000000000000007E-2</v>
      </c>
      <c r="BD5" s="1">
        <v>0.12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2E-2</v>
      </c>
      <c r="BO5" s="1"/>
      <c r="BP5" s="1"/>
      <c r="BQ5" s="1">
        <v>34.520000000000003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74</v>
      </c>
      <c r="B6" s="2">
        <v>0.53611111111111109</v>
      </c>
      <c r="C6" s="1" t="s">
        <v>483</v>
      </c>
      <c r="D6" s="1" t="s">
        <v>27</v>
      </c>
      <c r="E6" s="1" t="s">
        <v>53</v>
      </c>
      <c r="F6" s="1" t="s">
        <v>275</v>
      </c>
      <c r="G6" s="1" t="s">
        <v>257</v>
      </c>
      <c r="J6" s="1" t="s">
        <v>30</v>
      </c>
      <c r="K6" s="1" t="s">
        <v>49</v>
      </c>
      <c r="M6" s="1" t="s">
        <v>49</v>
      </c>
      <c r="N6" s="1" t="s">
        <v>33</v>
      </c>
      <c r="O6" s="1" t="s">
        <v>84</v>
      </c>
      <c r="P6" s="1" t="s">
        <v>35</v>
      </c>
      <c r="Q6" s="1" t="s">
        <v>141</v>
      </c>
      <c r="S6" s="1" t="s">
        <v>62</v>
      </c>
      <c r="U6" s="1">
        <v>8.4</v>
      </c>
      <c r="V6" s="1" t="s">
        <v>521</v>
      </c>
      <c r="W6" s="1" t="s">
        <v>514</v>
      </c>
      <c r="X6" s="1">
        <v>0.4</v>
      </c>
      <c r="Y6" s="1">
        <v>1.9E-2</v>
      </c>
      <c r="Z6" s="1">
        <v>4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31</v>
      </c>
      <c r="BC6" s="1" t="s">
        <v>531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8.0000000000000002E-3</v>
      </c>
      <c r="BO6" s="1"/>
      <c r="BP6" s="1"/>
      <c r="BQ6" s="1">
        <v>33.57</v>
      </c>
      <c r="BR6" s="1"/>
      <c r="BS6" s="1"/>
      <c r="BT6" s="1">
        <v>4.5</v>
      </c>
      <c r="BU6" s="1"/>
      <c r="BV6" s="1"/>
      <c r="BW6" s="1"/>
      <c r="BX6" s="1"/>
      <c r="BY6" s="1"/>
      <c r="BZ6" s="1"/>
    </row>
    <row r="7" spans="1:78" x14ac:dyDescent="0.15">
      <c r="B7" s="2">
        <v>0.5395833333333333</v>
      </c>
      <c r="C7" s="1" t="s">
        <v>485</v>
      </c>
      <c r="D7" s="1" t="s">
        <v>27</v>
      </c>
      <c r="E7" s="1" t="s">
        <v>53</v>
      </c>
      <c r="F7" s="1" t="s">
        <v>275</v>
      </c>
      <c r="G7" s="1" t="s">
        <v>180</v>
      </c>
      <c r="J7" s="1" t="s">
        <v>250</v>
      </c>
      <c r="N7" s="1" t="s">
        <v>33</v>
      </c>
      <c r="P7" s="1" t="s">
        <v>35</v>
      </c>
      <c r="Q7" s="1" t="s">
        <v>141</v>
      </c>
      <c r="S7" s="1" t="s">
        <v>37</v>
      </c>
      <c r="U7" s="1">
        <v>8</v>
      </c>
      <c r="V7" s="1"/>
      <c r="W7" s="1"/>
      <c r="X7" s="1">
        <v>0.31</v>
      </c>
      <c r="Y7" s="1">
        <v>1.7000000000000001E-2</v>
      </c>
      <c r="Z7" s="1" t="s">
        <v>519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31</v>
      </c>
      <c r="BC7" s="1" t="s">
        <v>531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5.0000000000000001E-3</v>
      </c>
      <c r="BO7" s="1"/>
      <c r="BP7" s="1"/>
      <c r="BQ7" s="1">
        <v>33.75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54722222222222217</v>
      </c>
      <c r="C8" s="1" t="s">
        <v>483</v>
      </c>
      <c r="D8" s="1" t="s">
        <v>113</v>
      </c>
      <c r="E8" s="1" t="s">
        <v>53</v>
      </c>
      <c r="F8" s="1" t="s">
        <v>276</v>
      </c>
      <c r="G8" s="1" t="s">
        <v>277</v>
      </c>
      <c r="J8" s="1" t="s">
        <v>30</v>
      </c>
      <c r="K8" s="1" t="s">
        <v>76</v>
      </c>
      <c r="M8" s="1" t="s">
        <v>49</v>
      </c>
      <c r="N8" s="1" t="s">
        <v>33</v>
      </c>
      <c r="O8" s="1" t="s">
        <v>84</v>
      </c>
      <c r="P8" s="1" t="s">
        <v>35</v>
      </c>
      <c r="Q8" s="1" t="s">
        <v>141</v>
      </c>
      <c r="S8" s="1" t="s">
        <v>278</v>
      </c>
      <c r="U8" s="1">
        <v>9.8000000000000007</v>
      </c>
      <c r="V8" s="1" t="s">
        <v>521</v>
      </c>
      <c r="W8" s="1"/>
      <c r="X8" s="1">
        <v>0.47</v>
      </c>
      <c r="Y8" s="1">
        <v>2.5999999999999999E-2</v>
      </c>
      <c r="Z8" s="1">
        <v>2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31</v>
      </c>
      <c r="BC8" s="1" t="s">
        <v>531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7.0000000000000001E-3</v>
      </c>
      <c r="BO8" s="1"/>
      <c r="BP8" s="1"/>
      <c r="BQ8" s="1">
        <v>32.479999999999997</v>
      </c>
      <c r="BR8" s="1"/>
      <c r="BS8" s="1"/>
      <c r="BT8" s="1">
        <v>6.7</v>
      </c>
      <c r="BU8" s="1"/>
      <c r="BV8" s="1"/>
      <c r="BW8" s="1"/>
      <c r="BX8" s="1"/>
      <c r="BY8" s="1"/>
      <c r="BZ8" s="1"/>
    </row>
    <row r="9" spans="1:78" x14ac:dyDescent="0.15">
      <c r="B9" s="2">
        <v>0.54999999999999993</v>
      </c>
      <c r="C9" s="1" t="s">
        <v>485</v>
      </c>
      <c r="D9" s="1" t="s">
        <v>113</v>
      </c>
      <c r="E9" s="1" t="s">
        <v>53</v>
      </c>
      <c r="F9" s="1" t="s">
        <v>276</v>
      </c>
      <c r="G9" s="1" t="s">
        <v>199</v>
      </c>
      <c r="J9" s="1" t="s">
        <v>36</v>
      </c>
      <c r="N9" s="1" t="s">
        <v>33</v>
      </c>
      <c r="P9" s="1" t="s">
        <v>35</v>
      </c>
      <c r="Q9" s="1" t="s">
        <v>141</v>
      </c>
      <c r="S9" s="1" t="s">
        <v>59</v>
      </c>
      <c r="U9" s="1">
        <v>8.1</v>
      </c>
      <c r="V9" s="1"/>
      <c r="W9" s="1"/>
      <c r="X9" s="1">
        <v>0.24</v>
      </c>
      <c r="Y9" s="1">
        <v>1.4999999999999999E-2</v>
      </c>
      <c r="Z9" s="1" t="s">
        <v>519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31</v>
      </c>
      <c r="BC9" s="1" t="s">
        <v>531</v>
      </c>
      <c r="BD9" s="1" t="s">
        <v>529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3.0000000000000001E-3</v>
      </c>
      <c r="BO9" s="1"/>
      <c r="BP9" s="1"/>
      <c r="BQ9" s="1">
        <v>33.18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53819444444444442</v>
      </c>
      <c r="C10" s="1" t="s">
        <v>483</v>
      </c>
      <c r="D10" s="1" t="s">
        <v>64</v>
      </c>
      <c r="E10" s="1" t="s">
        <v>53</v>
      </c>
      <c r="F10" s="1" t="s">
        <v>279</v>
      </c>
      <c r="G10" s="1" t="s">
        <v>280</v>
      </c>
      <c r="J10" s="1" t="s">
        <v>30</v>
      </c>
      <c r="K10" s="1" t="s">
        <v>76</v>
      </c>
      <c r="M10" s="1" t="s">
        <v>281</v>
      </c>
      <c r="N10" s="1" t="s">
        <v>33</v>
      </c>
      <c r="O10" s="1" t="s">
        <v>273</v>
      </c>
      <c r="P10" s="1" t="s">
        <v>35</v>
      </c>
      <c r="Q10" s="1" t="s">
        <v>141</v>
      </c>
      <c r="S10" s="1" t="s">
        <v>182</v>
      </c>
      <c r="U10" s="1">
        <v>8.4</v>
      </c>
      <c r="V10" s="1" t="s">
        <v>521</v>
      </c>
      <c r="W10" s="1"/>
      <c r="X10" s="1">
        <v>0.22</v>
      </c>
      <c r="Y10" s="1">
        <v>0.02</v>
      </c>
      <c r="Z10" s="1">
        <v>2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31</v>
      </c>
      <c r="BC10" s="1" t="s">
        <v>531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6.0000000000000001E-3</v>
      </c>
      <c r="BO10" s="1"/>
      <c r="BP10" s="1"/>
      <c r="BQ10" s="1">
        <v>33.659999999999997</v>
      </c>
      <c r="BR10" s="1"/>
      <c r="BS10" s="1"/>
      <c r="BT10" s="1">
        <v>6</v>
      </c>
      <c r="BU10" s="1"/>
      <c r="BV10" s="1"/>
      <c r="BW10" s="1"/>
      <c r="BX10" s="1"/>
      <c r="BY10" s="1"/>
      <c r="BZ10" s="1"/>
    </row>
    <row r="11" spans="1:78" x14ac:dyDescent="0.15">
      <c r="B11" s="2">
        <v>0.54166666666666663</v>
      </c>
      <c r="C11" s="1" t="s">
        <v>485</v>
      </c>
      <c r="D11" s="1" t="s">
        <v>64</v>
      </c>
      <c r="E11" s="1" t="s">
        <v>53</v>
      </c>
      <c r="F11" s="1" t="s">
        <v>279</v>
      </c>
      <c r="G11" s="1" t="s">
        <v>282</v>
      </c>
      <c r="J11" s="1" t="s">
        <v>36</v>
      </c>
      <c r="N11" s="1" t="s">
        <v>33</v>
      </c>
      <c r="P11" s="1" t="s">
        <v>35</v>
      </c>
      <c r="Q11" s="1" t="s">
        <v>141</v>
      </c>
      <c r="S11" s="1" t="s">
        <v>62</v>
      </c>
      <c r="U11" s="1">
        <v>8.1</v>
      </c>
      <c r="V11" s="1"/>
      <c r="W11" s="1"/>
      <c r="X11" s="1">
        <v>0.17</v>
      </c>
      <c r="Y11" s="1">
        <v>2.1000000000000001E-2</v>
      </c>
      <c r="Z11" s="1">
        <v>1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31</v>
      </c>
      <c r="BC11" s="1" t="s">
        <v>531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4.0000000000000001E-3</v>
      </c>
      <c r="BO11" s="1"/>
      <c r="BP11" s="1"/>
      <c r="BQ11" s="1">
        <v>33.76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54166666666666663</v>
      </c>
      <c r="C12" s="1" t="s">
        <v>551</v>
      </c>
      <c r="D12" s="1" t="s">
        <v>64</v>
      </c>
      <c r="E12" s="1" t="s">
        <v>53</v>
      </c>
      <c r="J12" s="1" t="s">
        <v>283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32</v>
      </c>
      <c r="AV12" s="1" t="s">
        <v>515</v>
      </c>
      <c r="AW12" s="1" t="s">
        <v>530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32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72</v>
      </c>
      <c r="B13" s="2">
        <v>0.55555555555555558</v>
      </c>
      <c r="C13" s="1" t="s">
        <v>483</v>
      </c>
      <c r="D13" s="1" t="s">
        <v>27</v>
      </c>
      <c r="E13" s="1" t="s">
        <v>53</v>
      </c>
      <c r="F13" s="1" t="s">
        <v>284</v>
      </c>
      <c r="G13" s="1" t="s">
        <v>285</v>
      </c>
      <c r="J13" s="1" t="s">
        <v>30</v>
      </c>
      <c r="K13" s="1" t="s">
        <v>76</v>
      </c>
      <c r="M13" s="1" t="s">
        <v>239</v>
      </c>
      <c r="N13" s="1" t="s">
        <v>33</v>
      </c>
      <c r="O13" s="1" t="s">
        <v>273</v>
      </c>
      <c r="P13" s="1" t="s">
        <v>35</v>
      </c>
      <c r="Q13" s="1" t="s">
        <v>68</v>
      </c>
      <c r="S13" s="1" t="s">
        <v>182</v>
      </c>
      <c r="U13" s="1">
        <v>9.1</v>
      </c>
      <c r="V13" s="1" t="s">
        <v>521</v>
      </c>
      <c r="W13" s="1" t="s">
        <v>514</v>
      </c>
      <c r="X13" s="1">
        <v>0.24</v>
      </c>
      <c r="Y13" s="1">
        <v>2.5999999999999999E-2</v>
      </c>
      <c r="Z13" s="1">
        <v>4.0000000000000001E-3</v>
      </c>
      <c r="AA13" s="1" t="s">
        <v>552</v>
      </c>
      <c r="AB13" s="1" t="s">
        <v>579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31</v>
      </c>
      <c r="BC13" s="1" t="s">
        <v>531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5.0000000000000001E-3</v>
      </c>
      <c r="BO13" s="1"/>
      <c r="BP13" s="1"/>
      <c r="BQ13" s="1">
        <v>32.53</v>
      </c>
      <c r="BR13" s="1" t="s">
        <v>537</v>
      </c>
      <c r="BS13" s="1" t="s">
        <v>522</v>
      </c>
      <c r="BT13" s="1">
        <v>6.1</v>
      </c>
      <c r="BU13" s="1"/>
      <c r="BV13" s="1"/>
      <c r="BW13" s="1"/>
      <c r="BX13" s="1"/>
      <c r="BY13" s="1"/>
      <c r="BZ13" s="1"/>
    </row>
    <row r="14" spans="1:78" x14ac:dyDescent="0.15">
      <c r="B14" s="2">
        <v>0.55902777777777779</v>
      </c>
      <c r="C14" s="1" t="s">
        <v>485</v>
      </c>
      <c r="D14" s="1" t="s">
        <v>27</v>
      </c>
      <c r="E14" s="1" t="s">
        <v>53</v>
      </c>
      <c r="F14" s="1" t="s">
        <v>284</v>
      </c>
      <c r="G14" s="1" t="s">
        <v>79</v>
      </c>
      <c r="J14" s="1" t="s">
        <v>36</v>
      </c>
      <c r="N14" s="1" t="s">
        <v>33</v>
      </c>
      <c r="P14" s="1" t="s">
        <v>35</v>
      </c>
      <c r="Q14" s="1" t="s">
        <v>68</v>
      </c>
      <c r="S14" s="1" t="s">
        <v>172</v>
      </c>
      <c r="U14" s="1">
        <v>8.3000000000000007</v>
      </c>
      <c r="V14" s="1"/>
      <c r="W14" s="1"/>
      <c r="X14" s="1">
        <v>0.2</v>
      </c>
      <c r="Y14" s="1">
        <v>2.4E-2</v>
      </c>
      <c r="Z14" s="1">
        <v>7.0000000000000001E-3</v>
      </c>
      <c r="AA14" s="1" t="s">
        <v>552</v>
      </c>
      <c r="AB14" s="1" t="s">
        <v>566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31</v>
      </c>
      <c r="BC14" s="1" t="s">
        <v>531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5.0000000000000001E-3</v>
      </c>
      <c r="BO14" s="1"/>
      <c r="BP14" s="1"/>
      <c r="BQ14" s="1">
        <v>32.72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55902777777777779</v>
      </c>
      <c r="C15" s="1" t="s">
        <v>551</v>
      </c>
      <c r="D15" s="1" t="s">
        <v>27</v>
      </c>
      <c r="E15" s="1" t="s">
        <v>53</v>
      </c>
      <c r="J15" s="1" t="s">
        <v>283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 t="s">
        <v>515</v>
      </c>
      <c r="AD15" s="1" t="s">
        <v>524</v>
      </c>
      <c r="AE15" s="1" t="s">
        <v>522</v>
      </c>
      <c r="AF15" s="1" t="s">
        <v>518</v>
      </c>
      <c r="AG15" s="1" t="s">
        <v>522</v>
      </c>
      <c r="AH15" s="1" t="s">
        <v>517</v>
      </c>
      <c r="AI15" s="1"/>
      <c r="AJ15" s="1" t="s">
        <v>517</v>
      </c>
      <c r="AK15" s="1" t="s">
        <v>520</v>
      </c>
      <c r="AL15" s="1" t="s">
        <v>520</v>
      </c>
      <c r="AM15" s="1" t="s">
        <v>520</v>
      </c>
      <c r="AN15" s="1" t="s">
        <v>520</v>
      </c>
      <c r="AO15" s="1" t="s">
        <v>520</v>
      </c>
      <c r="AP15" t="s">
        <v>520</v>
      </c>
      <c r="AQ15" s="1" t="s">
        <v>520</v>
      </c>
      <c r="AR15" s="1" t="s">
        <v>520</v>
      </c>
      <c r="AS15" s="1" t="s">
        <v>520</v>
      </c>
      <c r="AT15" s="1" t="s">
        <v>528</v>
      </c>
      <c r="AU15" s="1"/>
      <c r="AV15" s="1"/>
      <c r="AW15" s="1"/>
      <c r="AX15" s="1" t="s">
        <v>520</v>
      </c>
      <c r="AY15" s="1" t="s">
        <v>530</v>
      </c>
      <c r="AZ15" s="1"/>
      <c r="BA15" s="1"/>
      <c r="BB15" s="1"/>
      <c r="BC15" s="1"/>
      <c r="BD15" s="1"/>
      <c r="BE15" s="1"/>
      <c r="BF15" s="1" t="s">
        <v>522</v>
      </c>
      <c r="BG15" s="1" t="s">
        <v>516</v>
      </c>
      <c r="BH15" s="1" t="s">
        <v>518</v>
      </c>
      <c r="BI15" s="1" t="s">
        <v>516</v>
      </c>
      <c r="BJ15" s="1"/>
      <c r="BK15" s="1"/>
      <c r="BL15" s="1" t="s">
        <v>538</v>
      </c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81</v>
      </c>
      <c r="B16" s="2">
        <v>0.54861111111111105</v>
      </c>
      <c r="C16" s="1" t="s">
        <v>483</v>
      </c>
      <c r="D16" s="1" t="s">
        <v>64</v>
      </c>
      <c r="E16" s="1" t="s">
        <v>53</v>
      </c>
      <c r="F16" s="1" t="s">
        <v>286</v>
      </c>
      <c r="G16" s="1" t="s">
        <v>221</v>
      </c>
      <c r="J16" s="1" t="s">
        <v>30</v>
      </c>
      <c r="K16" s="1" t="s">
        <v>76</v>
      </c>
      <c r="M16" s="1" t="s">
        <v>32</v>
      </c>
      <c r="N16" s="1" t="s">
        <v>33</v>
      </c>
      <c r="O16" s="1" t="s">
        <v>84</v>
      </c>
      <c r="P16" s="1" t="s">
        <v>35</v>
      </c>
      <c r="Q16" s="1" t="s">
        <v>58</v>
      </c>
      <c r="S16" s="1" t="s">
        <v>142</v>
      </c>
      <c r="U16" s="1">
        <v>7.7</v>
      </c>
      <c r="V16" s="3">
        <v>2</v>
      </c>
      <c r="W16" s="1"/>
      <c r="X16" s="1">
        <v>0.44</v>
      </c>
      <c r="Y16" s="1">
        <v>2.7E-2</v>
      </c>
      <c r="Z16" s="1">
        <v>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31</v>
      </c>
      <c r="BC16" s="1" t="s">
        <v>531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>
        <v>0.05</v>
      </c>
      <c r="BN16" s="1">
        <v>1.7000000000000001E-2</v>
      </c>
      <c r="BO16" s="1"/>
      <c r="BP16" s="1"/>
      <c r="BQ16" s="1">
        <v>33.35</v>
      </c>
      <c r="BR16" s="1"/>
      <c r="BS16" s="1"/>
      <c r="BT16" s="1">
        <v>2.6</v>
      </c>
      <c r="BU16" s="1"/>
      <c r="BV16" s="1"/>
      <c r="BW16" s="1"/>
      <c r="BX16" s="1"/>
      <c r="BY16" s="1"/>
      <c r="BZ16" s="1"/>
    </row>
    <row r="17" spans="1:78" x14ac:dyDescent="0.15">
      <c r="B17" s="2">
        <v>0.55208333333333337</v>
      </c>
      <c r="C17" s="1" t="s">
        <v>485</v>
      </c>
      <c r="D17" s="1" t="s">
        <v>64</v>
      </c>
      <c r="E17" s="1" t="s">
        <v>53</v>
      </c>
      <c r="F17" s="1" t="s">
        <v>286</v>
      </c>
      <c r="G17" s="1" t="s">
        <v>287</v>
      </c>
      <c r="J17" s="1" t="s">
        <v>36</v>
      </c>
      <c r="N17" s="1" t="s">
        <v>33</v>
      </c>
      <c r="P17" s="1" t="s">
        <v>35</v>
      </c>
      <c r="Q17" s="1" t="s">
        <v>58</v>
      </c>
      <c r="S17" s="1" t="s">
        <v>182</v>
      </c>
      <c r="U17" s="1">
        <v>8</v>
      </c>
      <c r="V17" s="1"/>
      <c r="W17" s="1"/>
      <c r="X17" s="1">
        <v>0.4</v>
      </c>
      <c r="Y17" s="1">
        <v>2.5000000000000001E-2</v>
      </c>
      <c r="Z17" s="1">
        <v>1E-3</v>
      </c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31</v>
      </c>
      <c r="BC17" s="1" t="s">
        <v>531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>
        <v>0.08</v>
      </c>
      <c r="BN17" s="1">
        <v>1.7999999999999999E-2</v>
      </c>
      <c r="BO17" s="1"/>
      <c r="BP17" s="1"/>
      <c r="BQ17" s="1">
        <v>33.380000000000003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/>
      <c r="B18" s="2">
        <v>0.55208333333333337</v>
      </c>
      <c r="C18" s="1" t="s">
        <v>551</v>
      </c>
      <c r="D18" s="1"/>
      <c r="E18" s="1"/>
      <c r="F18" s="1"/>
      <c r="G18" s="1"/>
      <c r="H18" s="1"/>
      <c r="I18" s="1"/>
      <c r="J18" s="1">
        <v>4.25</v>
      </c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53819444444444442</v>
      </c>
      <c r="C19" s="1" t="s">
        <v>483</v>
      </c>
      <c r="D19" s="1" t="s">
        <v>64</v>
      </c>
      <c r="E19" s="1" t="s">
        <v>53</v>
      </c>
      <c r="F19" s="1" t="s">
        <v>288</v>
      </c>
      <c r="G19" s="1" t="s">
        <v>82</v>
      </c>
      <c r="J19" s="1" t="s">
        <v>30</v>
      </c>
      <c r="K19" s="1" t="s">
        <v>178</v>
      </c>
      <c r="M19" s="1" t="s">
        <v>126</v>
      </c>
      <c r="N19" s="1" t="s">
        <v>33</v>
      </c>
      <c r="O19" s="1" t="s">
        <v>84</v>
      </c>
      <c r="P19" s="1" t="s">
        <v>35</v>
      </c>
      <c r="Q19" s="1" t="s">
        <v>58</v>
      </c>
      <c r="S19" s="1" t="s">
        <v>289</v>
      </c>
      <c r="U19" s="1">
        <v>9</v>
      </c>
      <c r="V19" s="3">
        <v>4</v>
      </c>
      <c r="W19" s="1"/>
      <c r="X19" s="1">
        <v>0.45</v>
      </c>
      <c r="Y19" s="1">
        <v>3.4000000000000002E-2</v>
      </c>
      <c r="Z19" s="1">
        <v>2E-3</v>
      </c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31</v>
      </c>
      <c r="BC19" s="1">
        <v>0.24</v>
      </c>
      <c r="BD19" s="1">
        <v>0.28999999999999998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0.02</v>
      </c>
      <c r="BO19" s="1"/>
      <c r="BP19" s="1"/>
      <c r="BQ19" s="1">
        <v>31.21</v>
      </c>
      <c r="BR19" s="1"/>
      <c r="BS19" s="1"/>
      <c r="BT19" s="1">
        <v>6</v>
      </c>
      <c r="BU19" s="1"/>
      <c r="BV19" s="1"/>
      <c r="BW19" s="1"/>
      <c r="BX19" s="1"/>
      <c r="BY19" s="1"/>
      <c r="BZ19" s="1"/>
    </row>
    <row r="20" spans="1:78" x14ac:dyDescent="0.15">
      <c r="B20" s="2">
        <v>0.54166666666666663</v>
      </c>
      <c r="C20" s="1" t="s">
        <v>485</v>
      </c>
      <c r="D20" s="1" t="s">
        <v>64</v>
      </c>
      <c r="E20" s="1" t="s">
        <v>53</v>
      </c>
      <c r="F20" s="1" t="s">
        <v>288</v>
      </c>
      <c r="G20" s="1" t="s">
        <v>290</v>
      </c>
      <c r="J20" s="1" t="s">
        <v>83</v>
      </c>
      <c r="N20" s="1" t="s">
        <v>33</v>
      </c>
      <c r="P20" s="1" t="s">
        <v>35</v>
      </c>
      <c r="Q20" s="1" t="s">
        <v>58</v>
      </c>
      <c r="S20" s="1" t="s">
        <v>37</v>
      </c>
      <c r="U20" s="1">
        <v>6.8</v>
      </c>
      <c r="V20" s="1"/>
      <c r="W20" s="1"/>
      <c r="X20" s="1">
        <v>0.25</v>
      </c>
      <c r="Y20" s="1">
        <v>2.3E-2</v>
      </c>
      <c r="Z20" s="1">
        <v>2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 t="s">
        <v>531</v>
      </c>
      <c r="BC20" s="1">
        <v>0.06</v>
      </c>
      <c r="BD20" s="1">
        <v>0.11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1.6E-2</v>
      </c>
      <c r="BO20" s="1"/>
      <c r="BP20" s="1"/>
      <c r="BQ20" s="1">
        <v>33.06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/>
      <c r="B21" s="2">
        <v>0.54166666666666663</v>
      </c>
      <c r="C21" s="1" t="s">
        <v>551</v>
      </c>
      <c r="D21" s="1"/>
      <c r="E21" s="1"/>
      <c r="F21" s="1"/>
      <c r="G21" s="1"/>
      <c r="H21" s="1"/>
      <c r="I21" s="1"/>
      <c r="J21" s="1">
        <v>4.5</v>
      </c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54583333333333328</v>
      </c>
      <c r="C22" s="1" t="s">
        <v>483</v>
      </c>
      <c r="D22" s="1" t="s">
        <v>64</v>
      </c>
      <c r="E22" s="1" t="s">
        <v>486</v>
      </c>
      <c r="F22" s="1" t="s">
        <v>54</v>
      </c>
      <c r="G22" s="1" t="s">
        <v>157</v>
      </c>
      <c r="J22" s="1" t="s">
        <v>30</v>
      </c>
      <c r="K22" s="1" t="s">
        <v>178</v>
      </c>
      <c r="M22" s="1" t="s">
        <v>36</v>
      </c>
      <c r="N22" s="1" t="s">
        <v>33</v>
      </c>
      <c r="O22" s="1" t="s">
        <v>84</v>
      </c>
      <c r="P22" s="1" t="s">
        <v>35</v>
      </c>
      <c r="Q22" s="1" t="s">
        <v>58</v>
      </c>
      <c r="S22" s="1" t="s">
        <v>172</v>
      </c>
      <c r="U22" s="1">
        <v>8.3000000000000007</v>
      </c>
      <c r="V22" s="3">
        <v>6</v>
      </c>
      <c r="W22" s="1" t="s">
        <v>514</v>
      </c>
      <c r="X22" s="1">
        <v>0.23</v>
      </c>
      <c r="Y22" s="1">
        <v>1.6E-2</v>
      </c>
      <c r="Z22" s="1">
        <v>2E-3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31</v>
      </c>
      <c r="BC22" s="1">
        <v>0.05</v>
      </c>
      <c r="BD22" s="1">
        <v>0.1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0.01</v>
      </c>
      <c r="BO22" s="1"/>
      <c r="BP22" s="1"/>
      <c r="BQ22" s="1">
        <v>33.78</v>
      </c>
      <c r="BR22" s="1"/>
      <c r="BS22" s="1"/>
      <c r="BT22" s="1">
        <v>1.5</v>
      </c>
      <c r="BU22" s="1"/>
      <c r="BV22" s="1"/>
      <c r="BW22" s="1"/>
      <c r="BX22" s="1"/>
      <c r="BY22" s="1"/>
      <c r="BZ22" s="1"/>
    </row>
    <row r="23" spans="1:78" x14ac:dyDescent="0.15">
      <c r="B23" s="2">
        <v>0.54999999999999993</v>
      </c>
      <c r="C23" s="1" t="s">
        <v>485</v>
      </c>
      <c r="D23" s="1" t="s">
        <v>64</v>
      </c>
      <c r="E23" s="1" t="s">
        <v>486</v>
      </c>
      <c r="F23" s="1" t="s">
        <v>54</v>
      </c>
      <c r="G23" s="1" t="s">
        <v>291</v>
      </c>
      <c r="J23" s="1" t="s">
        <v>83</v>
      </c>
      <c r="N23" s="1" t="s">
        <v>33</v>
      </c>
      <c r="P23" s="1" t="s">
        <v>35</v>
      </c>
      <c r="Q23" s="1" t="s">
        <v>58</v>
      </c>
      <c r="S23" s="1" t="s">
        <v>201</v>
      </c>
      <c r="U23" s="1">
        <v>8.5</v>
      </c>
      <c r="V23" s="1"/>
      <c r="W23" s="1"/>
      <c r="X23" s="1">
        <v>0.28000000000000003</v>
      </c>
      <c r="Y23" s="1">
        <v>1.7000000000000001E-2</v>
      </c>
      <c r="Z23" s="1">
        <v>1E-3</v>
      </c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31</v>
      </c>
      <c r="BC23" s="1">
        <v>7.0000000000000007E-2</v>
      </c>
      <c r="BD23" s="1">
        <v>0.12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1.2999999999999999E-2</v>
      </c>
      <c r="BO23" s="1"/>
      <c r="BP23" s="1"/>
      <c r="BQ23" s="1">
        <v>33.659999999999997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/>
      <c r="B24" s="2">
        <v>0.54999999999999993</v>
      </c>
      <c r="C24" s="1" t="s">
        <v>551</v>
      </c>
      <c r="D24" s="1"/>
      <c r="E24" s="1"/>
      <c r="F24" s="1"/>
      <c r="G24" s="1"/>
      <c r="H24" s="1"/>
      <c r="I24" s="1"/>
      <c r="J24" s="1">
        <v>4.5</v>
      </c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54375000000000007</v>
      </c>
      <c r="C25" s="1" t="s">
        <v>483</v>
      </c>
      <c r="D25" s="1" t="s">
        <v>27</v>
      </c>
      <c r="E25" s="1" t="s">
        <v>484</v>
      </c>
      <c r="F25" s="1" t="s">
        <v>54</v>
      </c>
      <c r="G25" s="1" t="s">
        <v>104</v>
      </c>
      <c r="J25" s="1" t="s">
        <v>30</v>
      </c>
      <c r="K25" s="1" t="s">
        <v>178</v>
      </c>
      <c r="M25" s="1" t="s">
        <v>281</v>
      </c>
      <c r="N25" s="1" t="s">
        <v>33</v>
      </c>
      <c r="O25" s="1" t="s">
        <v>273</v>
      </c>
      <c r="P25" s="1" t="s">
        <v>35</v>
      </c>
      <c r="Q25" s="1" t="s">
        <v>58</v>
      </c>
      <c r="S25" s="1" t="s">
        <v>47</v>
      </c>
      <c r="U25" s="1">
        <v>8.6</v>
      </c>
      <c r="V25" s="3">
        <v>4</v>
      </c>
      <c r="W25" s="1"/>
      <c r="X25" s="1">
        <v>0.2</v>
      </c>
      <c r="Y25" s="1">
        <v>2.3E-2</v>
      </c>
      <c r="Z25" s="1">
        <v>2E-3</v>
      </c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31</v>
      </c>
      <c r="BC25" s="1">
        <v>0.05</v>
      </c>
      <c r="BD25" s="1">
        <v>0.1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7.0000000000000001E-3</v>
      </c>
      <c r="BO25" s="1"/>
      <c r="BP25" s="1"/>
      <c r="BQ25" s="1">
        <v>34.049999999999997</v>
      </c>
      <c r="BR25" s="1"/>
      <c r="BS25" s="1"/>
      <c r="BT25" s="1">
        <v>8.3000000000000007</v>
      </c>
      <c r="BU25" s="1"/>
      <c r="BV25" s="1"/>
      <c r="BW25" s="1"/>
      <c r="BX25" s="1"/>
      <c r="BY25" s="1"/>
      <c r="BZ25" s="1"/>
    </row>
    <row r="26" spans="1:78" x14ac:dyDescent="0.15">
      <c r="B26" s="2">
        <v>0.54722222222222217</v>
      </c>
      <c r="C26" s="1" t="s">
        <v>485</v>
      </c>
      <c r="D26" s="1" t="s">
        <v>27</v>
      </c>
      <c r="E26" s="1" t="s">
        <v>484</v>
      </c>
      <c r="F26" s="1" t="s">
        <v>54</v>
      </c>
      <c r="G26" s="1" t="s">
        <v>159</v>
      </c>
      <c r="J26" s="1" t="s">
        <v>83</v>
      </c>
      <c r="N26" s="1" t="s">
        <v>33</v>
      </c>
      <c r="P26" s="1" t="s">
        <v>35</v>
      </c>
      <c r="Q26" s="1" t="s">
        <v>58</v>
      </c>
      <c r="S26" s="1" t="s">
        <v>251</v>
      </c>
      <c r="U26" s="1">
        <v>8.6</v>
      </c>
      <c r="V26" s="1"/>
      <c r="W26" s="1"/>
      <c r="X26" s="1">
        <v>0.15</v>
      </c>
      <c r="Y26" s="1">
        <v>1.6E-2</v>
      </c>
      <c r="Z26" s="1" t="s">
        <v>519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31</v>
      </c>
      <c r="BC26" s="1" t="s">
        <v>531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8.0000000000000002E-3</v>
      </c>
      <c r="BO26" s="1"/>
      <c r="BP26" s="1"/>
      <c r="BQ26" s="1">
        <v>34.15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A27" s="1"/>
      <c r="B27" s="2">
        <v>0.54722222222222217</v>
      </c>
      <c r="C27" s="1" t="s">
        <v>551</v>
      </c>
      <c r="D27" s="1"/>
      <c r="E27" s="1"/>
      <c r="F27" s="1"/>
      <c r="G27" s="1"/>
      <c r="H27" s="1"/>
      <c r="I27" s="1"/>
      <c r="J27" s="1">
        <v>4.5</v>
      </c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92</v>
      </c>
      <c r="B28" s="2">
        <v>0.4291666666666667</v>
      </c>
      <c r="C28" s="1" t="s">
        <v>483</v>
      </c>
      <c r="D28" s="1" t="s">
        <v>27</v>
      </c>
      <c r="E28" s="1" t="s">
        <v>53</v>
      </c>
      <c r="F28" s="1" t="s">
        <v>293</v>
      </c>
      <c r="G28" s="1" t="s">
        <v>294</v>
      </c>
      <c r="J28" s="1" t="s">
        <v>30</v>
      </c>
      <c r="K28" s="1" t="s">
        <v>178</v>
      </c>
      <c r="M28" s="1" t="s">
        <v>178</v>
      </c>
      <c r="N28" s="1" t="s">
        <v>33</v>
      </c>
      <c r="O28" s="1" t="s">
        <v>34</v>
      </c>
      <c r="P28" s="1" t="s">
        <v>35</v>
      </c>
      <c r="Q28" s="1" t="s">
        <v>40</v>
      </c>
      <c r="S28" s="1" t="s">
        <v>62</v>
      </c>
      <c r="U28" s="1">
        <v>8.1999999999999993</v>
      </c>
      <c r="V28" s="1" t="s">
        <v>521</v>
      </c>
      <c r="W28" s="1"/>
      <c r="X28" s="1">
        <v>0.18</v>
      </c>
      <c r="Y28" s="1">
        <v>1.7000000000000001E-2</v>
      </c>
      <c r="Z28" s="1">
        <v>4.0000000000000001E-3</v>
      </c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31</v>
      </c>
      <c r="BC28" s="1">
        <v>0.05</v>
      </c>
      <c r="BD28" s="1">
        <v>0.1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1.2999999999999999E-2</v>
      </c>
      <c r="BO28" s="1"/>
      <c r="BP28" s="1"/>
      <c r="BQ28" s="1">
        <v>34.590000000000003</v>
      </c>
      <c r="BR28" s="1"/>
      <c r="BS28" s="1"/>
      <c r="BT28" s="1">
        <v>0.6</v>
      </c>
      <c r="BU28" s="1"/>
      <c r="BV28" s="1"/>
      <c r="BW28" s="1"/>
      <c r="BX28" s="1"/>
      <c r="BY28" s="1"/>
      <c r="BZ28" s="1"/>
    </row>
    <row r="29" spans="1:78" x14ac:dyDescent="0.15">
      <c r="B29" s="2">
        <v>0.43263888888888885</v>
      </c>
      <c r="C29" s="1" t="s">
        <v>485</v>
      </c>
      <c r="D29" s="1" t="s">
        <v>27</v>
      </c>
      <c r="E29" s="1" t="s">
        <v>53</v>
      </c>
      <c r="F29" s="1" t="s">
        <v>293</v>
      </c>
      <c r="G29" s="1" t="s">
        <v>160</v>
      </c>
      <c r="J29" s="1" t="s">
        <v>83</v>
      </c>
      <c r="N29" s="1" t="s">
        <v>33</v>
      </c>
      <c r="P29" s="1" t="s">
        <v>35</v>
      </c>
      <c r="Q29" s="1" t="s">
        <v>58</v>
      </c>
      <c r="S29" s="1" t="s">
        <v>41</v>
      </c>
      <c r="U29" s="1">
        <v>8.6</v>
      </c>
      <c r="V29" s="1"/>
      <c r="W29" s="1"/>
      <c r="X29" s="1">
        <v>0.17</v>
      </c>
      <c r="Y29" s="1">
        <v>1.4999999999999999E-2</v>
      </c>
      <c r="Z29" s="1">
        <v>1E-3</v>
      </c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31</v>
      </c>
      <c r="BC29" s="1">
        <v>0.05</v>
      </c>
      <c r="BD29" s="1">
        <v>0.1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1.4E-2</v>
      </c>
      <c r="BO29" s="1"/>
      <c r="BP29" s="1"/>
      <c r="BQ29" s="1">
        <v>34.61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A30" s="1"/>
      <c r="B30" s="2">
        <v>0.43263888888888885</v>
      </c>
      <c r="C30" s="1" t="s">
        <v>551</v>
      </c>
      <c r="D30" s="1"/>
      <c r="E30" s="1"/>
      <c r="F30" s="1"/>
      <c r="G30" s="1"/>
      <c r="H30" s="1"/>
      <c r="I30" s="1"/>
      <c r="J30" s="1">
        <v>4.5</v>
      </c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295</v>
      </c>
      <c r="B31" s="2">
        <v>0.50208333333333333</v>
      </c>
      <c r="C31" s="1" t="s">
        <v>483</v>
      </c>
      <c r="D31" s="1" t="s">
        <v>64</v>
      </c>
      <c r="E31" s="1" t="s">
        <v>53</v>
      </c>
      <c r="F31" s="1" t="s">
        <v>36</v>
      </c>
      <c r="G31" s="1" t="s">
        <v>236</v>
      </c>
      <c r="J31" s="1" t="s">
        <v>30</v>
      </c>
      <c r="K31" s="1" t="s">
        <v>76</v>
      </c>
      <c r="M31" s="1" t="s">
        <v>76</v>
      </c>
      <c r="N31" s="1" t="s">
        <v>33</v>
      </c>
      <c r="O31" s="1" t="s">
        <v>34</v>
      </c>
      <c r="P31" s="1" t="s">
        <v>35</v>
      </c>
      <c r="Q31" s="1" t="s">
        <v>40</v>
      </c>
      <c r="S31" s="1" t="s">
        <v>37</v>
      </c>
      <c r="U31" s="1">
        <v>8.6</v>
      </c>
      <c r="V31" s="1" t="s">
        <v>521</v>
      </c>
      <c r="W31" s="1" t="s">
        <v>514</v>
      </c>
      <c r="X31" s="1">
        <v>0.19</v>
      </c>
      <c r="Y31" s="1">
        <v>1.7000000000000001E-2</v>
      </c>
      <c r="Z31" s="1">
        <v>5.0000000000000001E-3</v>
      </c>
      <c r="AA31" t="s">
        <v>552</v>
      </c>
      <c r="AB31" t="s">
        <v>53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31</v>
      </c>
      <c r="BC31" s="1">
        <v>0.06</v>
      </c>
      <c r="BD31" s="1">
        <v>0.1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1.4E-2</v>
      </c>
      <c r="BO31" s="1"/>
      <c r="BP31" s="1"/>
      <c r="BQ31" s="1">
        <v>34.64</v>
      </c>
      <c r="BR31" s="1" t="s">
        <v>537</v>
      </c>
      <c r="BS31" s="1"/>
      <c r="BT31" s="1" t="s">
        <v>514</v>
      </c>
      <c r="BU31" s="1"/>
      <c r="BV31" s="1"/>
      <c r="BW31" s="1"/>
      <c r="BX31" s="1"/>
      <c r="BY31" s="1"/>
      <c r="BZ31" s="1"/>
    </row>
    <row r="32" spans="1:78" x14ac:dyDescent="0.15">
      <c r="B32" s="2">
        <v>0.50694444444444442</v>
      </c>
      <c r="C32" s="1" t="s">
        <v>485</v>
      </c>
      <c r="D32" s="1" t="s">
        <v>64</v>
      </c>
      <c r="E32" s="1" t="s">
        <v>53</v>
      </c>
      <c r="F32" s="1" t="s">
        <v>36</v>
      </c>
      <c r="G32" s="1" t="s">
        <v>167</v>
      </c>
      <c r="J32" s="1" t="s">
        <v>36</v>
      </c>
      <c r="N32" s="1" t="s">
        <v>33</v>
      </c>
      <c r="P32" s="1" t="s">
        <v>35</v>
      </c>
      <c r="Q32" s="1" t="s">
        <v>40</v>
      </c>
      <c r="S32" s="1" t="s">
        <v>87</v>
      </c>
      <c r="U32" s="1">
        <v>8.6</v>
      </c>
      <c r="V32" s="1"/>
      <c r="W32" s="1"/>
      <c r="X32" s="1">
        <v>0.21</v>
      </c>
      <c r="Y32" s="1">
        <v>2.1000000000000001E-2</v>
      </c>
      <c r="Z32" s="1">
        <v>1E-3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31</v>
      </c>
      <c r="BC32" s="1">
        <v>0.08</v>
      </c>
      <c r="BD32" s="1">
        <v>0.13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1.7999999999999999E-2</v>
      </c>
      <c r="BO32" s="1"/>
      <c r="BP32" s="1"/>
      <c r="BQ32" s="1">
        <v>34.57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50694444444444442</v>
      </c>
      <c r="C33" s="1" t="s">
        <v>551</v>
      </c>
      <c r="D33" s="1" t="s">
        <v>64</v>
      </c>
      <c r="E33" s="1" t="s">
        <v>53</v>
      </c>
      <c r="J33" s="1" t="s">
        <v>283</v>
      </c>
      <c r="N33" s="1" t="s">
        <v>33</v>
      </c>
      <c r="U33" s="1"/>
      <c r="V33" s="1"/>
      <c r="W33" s="1"/>
      <c r="X33" s="1"/>
      <c r="Y33" s="1"/>
      <c r="Z33" s="1"/>
      <c r="AC33" s="1" t="s">
        <v>515</v>
      </c>
      <c r="AD33" s="1" t="s">
        <v>524</v>
      </c>
      <c r="AE33" s="1" t="s">
        <v>522</v>
      </c>
      <c r="AF33" s="1" t="s">
        <v>518</v>
      </c>
      <c r="AG33" s="1" t="s">
        <v>522</v>
      </c>
      <c r="AH33" s="1" t="s">
        <v>517</v>
      </c>
      <c r="AI33" s="1"/>
      <c r="AJ33" s="1" t="s">
        <v>517</v>
      </c>
      <c r="AK33" s="1" t="s">
        <v>520</v>
      </c>
      <c r="AL33" s="1" t="s">
        <v>520</v>
      </c>
      <c r="AM33" s="1" t="s">
        <v>520</v>
      </c>
      <c r="AN33" s="1" t="s">
        <v>520</v>
      </c>
      <c r="AO33" s="1" t="s">
        <v>520</v>
      </c>
      <c r="AP33" t="s">
        <v>520</v>
      </c>
      <c r="AQ33" s="1" t="s">
        <v>520</v>
      </c>
      <c r="AR33" s="1" t="s">
        <v>520</v>
      </c>
      <c r="AS33" s="1" t="s">
        <v>520</v>
      </c>
      <c r="AT33" s="1" t="s">
        <v>528</v>
      </c>
      <c r="AU33" s="1"/>
      <c r="AV33" s="1"/>
      <c r="AW33" s="1"/>
      <c r="AX33" s="1" t="s">
        <v>520</v>
      </c>
      <c r="AY33" s="1" t="s">
        <v>530</v>
      </c>
      <c r="AZ33" s="1"/>
      <c r="BA33" s="1"/>
      <c r="BB33" s="1"/>
      <c r="BC33" s="1"/>
      <c r="BD33" s="1"/>
      <c r="BF33" s="1" t="s">
        <v>522</v>
      </c>
      <c r="BG33" s="1" t="s">
        <v>516</v>
      </c>
      <c r="BH33" s="1" t="s">
        <v>518</v>
      </c>
      <c r="BI33" s="1" t="s">
        <v>516</v>
      </c>
      <c r="BJ33" s="1"/>
      <c r="BK33" s="1"/>
      <c r="BL33" s="1" t="s">
        <v>538</v>
      </c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51874999999999993</v>
      </c>
      <c r="C34" s="1" t="s">
        <v>483</v>
      </c>
      <c r="D34" s="1" t="s">
        <v>64</v>
      </c>
      <c r="E34" s="1" t="s">
        <v>484</v>
      </c>
      <c r="F34" s="1" t="s">
        <v>256</v>
      </c>
      <c r="G34" s="1" t="s">
        <v>294</v>
      </c>
      <c r="J34" s="1" t="s">
        <v>30</v>
      </c>
      <c r="K34" s="1" t="s">
        <v>76</v>
      </c>
      <c r="M34" s="1" t="s">
        <v>76</v>
      </c>
      <c r="N34" s="1" t="s">
        <v>33</v>
      </c>
      <c r="O34" s="1" t="s">
        <v>84</v>
      </c>
      <c r="P34" s="1" t="s">
        <v>35</v>
      </c>
      <c r="Q34" s="1" t="s">
        <v>58</v>
      </c>
      <c r="S34" s="1" t="s">
        <v>37</v>
      </c>
      <c r="U34" s="1">
        <v>8.6</v>
      </c>
      <c r="V34" s="1" t="s">
        <v>521</v>
      </c>
      <c r="W34" s="1"/>
      <c r="X34" s="1">
        <v>0.23</v>
      </c>
      <c r="Y34" s="1">
        <v>1.2999999999999999E-2</v>
      </c>
      <c r="Z34" s="1" t="s">
        <v>519</v>
      </c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31</v>
      </c>
      <c r="BC34" s="1">
        <v>0.06</v>
      </c>
      <c r="BD34" s="1">
        <v>0.11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1.0999999999999999E-2</v>
      </c>
      <c r="BO34" s="1"/>
      <c r="BP34" s="1"/>
      <c r="BQ34" s="1">
        <v>34.5</v>
      </c>
      <c r="BR34" s="1"/>
      <c r="BS34" s="1"/>
      <c r="BT34" s="1">
        <v>1.3</v>
      </c>
      <c r="BU34" s="1"/>
      <c r="BV34" s="1"/>
      <c r="BW34" s="1"/>
      <c r="BX34" s="1"/>
      <c r="BY34" s="1"/>
      <c r="BZ34" s="1"/>
    </row>
    <row r="35" spans="1:78" x14ac:dyDescent="0.15">
      <c r="B35" s="2">
        <v>0.52222222222222225</v>
      </c>
      <c r="C35" s="1" t="s">
        <v>485</v>
      </c>
      <c r="D35" s="1" t="s">
        <v>64</v>
      </c>
      <c r="E35" s="1" t="s">
        <v>484</v>
      </c>
      <c r="F35" s="1" t="s">
        <v>256</v>
      </c>
      <c r="G35" s="1" t="s">
        <v>160</v>
      </c>
      <c r="J35" s="1" t="s">
        <v>36</v>
      </c>
      <c r="N35" s="1" t="s">
        <v>33</v>
      </c>
      <c r="P35" s="1" t="s">
        <v>35</v>
      </c>
      <c r="Q35" s="1" t="s">
        <v>58</v>
      </c>
      <c r="S35" s="1" t="s">
        <v>201</v>
      </c>
      <c r="U35" s="1">
        <v>8.5</v>
      </c>
      <c r="V35" s="1"/>
      <c r="W35" s="1"/>
      <c r="X35" s="1">
        <v>0.19</v>
      </c>
      <c r="Y35" s="1">
        <v>1.2999999999999999E-2</v>
      </c>
      <c r="Z35" s="1">
        <v>2E-3</v>
      </c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31</v>
      </c>
      <c r="BC35" s="1">
        <v>0.09</v>
      </c>
      <c r="BD35" s="1">
        <v>0.1400000000000000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1.0999999999999999E-2</v>
      </c>
      <c r="BO35" s="1"/>
      <c r="BP35" s="1"/>
      <c r="BQ35" s="1">
        <v>34.5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52222222222222225</v>
      </c>
      <c r="C36" s="1" t="s">
        <v>551</v>
      </c>
      <c r="D36" s="1" t="s">
        <v>64</v>
      </c>
      <c r="E36" s="1" t="s">
        <v>484</v>
      </c>
      <c r="J36" s="1" t="s">
        <v>283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 t="s">
        <v>532</v>
      </c>
      <c r="AV36" s="1" t="s">
        <v>515</v>
      </c>
      <c r="AW36" s="1" t="s">
        <v>530</v>
      </c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 t="s">
        <v>532</v>
      </c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4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6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34027777777777773</v>
      </c>
      <c r="C4" s="1" t="s">
        <v>483</v>
      </c>
      <c r="D4" s="1" t="s">
        <v>113</v>
      </c>
      <c r="E4" s="1" t="s">
        <v>95</v>
      </c>
      <c r="F4" s="1" t="s">
        <v>217</v>
      </c>
      <c r="G4" s="1" t="s">
        <v>176</v>
      </c>
      <c r="J4" s="1" t="s">
        <v>30</v>
      </c>
      <c r="K4" s="1" t="s">
        <v>139</v>
      </c>
      <c r="M4" s="1" t="s">
        <v>296</v>
      </c>
      <c r="N4" s="1" t="s">
        <v>33</v>
      </c>
      <c r="O4" s="1" t="s">
        <v>186</v>
      </c>
      <c r="P4" s="1" t="s">
        <v>35</v>
      </c>
      <c r="Q4" s="1" t="s">
        <v>58</v>
      </c>
      <c r="S4" s="1" t="s">
        <v>37</v>
      </c>
      <c r="U4" s="1">
        <v>8.1</v>
      </c>
      <c r="V4" s="1"/>
      <c r="W4" s="1"/>
      <c r="X4" s="1">
        <v>0.1</v>
      </c>
      <c r="Y4" s="1">
        <v>1.2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4.11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34027777777777773</v>
      </c>
      <c r="C5" s="1" t="s">
        <v>485</v>
      </c>
      <c r="D5" s="1" t="s">
        <v>113</v>
      </c>
      <c r="E5" s="1" t="s">
        <v>95</v>
      </c>
      <c r="G5" s="1" t="s">
        <v>216</v>
      </c>
      <c r="J5" s="1" t="s">
        <v>297</v>
      </c>
      <c r="N5" s="1" t="s">
        <v>33</v>
      </c>
      <c r="P5" s="1" t="s">
        <v>35</v>
      </c>
      <c r="Q5" s="1" t="s">
        <v>58</v>
      </c>
      <c r="S5" s="1" t="s">
        <v>158</v>
      </c>
      <c r="U5" s="1">
        <v>7.8</v>
      </c>
      <c r="V5" s="1"/>
      <c r="W5" s="1"/>
      <c r="X5" s="1">
        <v>0.11</v>
      </c>
      <c r="Y5" s="1">
        <v>2.1999999999999999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42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48472222222222222</v>
      </c>
      <c r="C6" s="1" t="s">
        <v>483</v>
      </c>
      <c r="D6" s="1" t="s">
        <v>64</v>
      </c>
      <c r="E6" s="1" t="s">
        <v>53</v>
      </c>
      <c r="F6" s="1" t="s">
        <v>298</v>
      </c>
      <c r="G6" s="1" t="s">
        <v>190</v>
      </c>
      <c r="J6" s="1" t="s">
        <v>30</v>
      </c>
      <c r="K6" s="1" t="s">
        <v>70</v>
      </c>
      <c r="M6" s="1" t="s">
        <v>91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77</v>
      </c>
      <c r="U6" s="1">
        <v>7.3</v>
      </c>
      <c r="V6" s="1"/>
      <c r="W6" s="1"/>
      <c r="X6" s="1">
        <v>7.0000000000000007E-2</v>
      </c>
      <c r="Y6" s="1">
        <v>0.01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3.450000000000003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48472222222222222</v>
      </c>
      <c r="C7" s="1" t="s">
        <v>485</v>
      </c>
      <c r="D7" s="1" t="s">
        <v>64</v>
      </c>
      <c r="E7" s="1" t="s">
        <v>53</v>
      </c>
      <c r="G7" s="1" t="s">
        <v>85</v>
      </c>
      <c r="J7" s="1" t="s">
        <v>288</v>
      </c>
      <c r="N7" s="1" t="s">
        <v>33</v>
      </c>
      <c r="P7" s="1" t="s">
        <v>35</v>
      </c>
      <c r="Q7" s="1" t="s">
        <v>58</v>
      </c>
      <c r="S7" s="1" t="s">
        <v>59</v>
      </c>
      <c r="U7" s="1">
        <v>7</v>
      </c>
      <c r="V7" s="1"/>
      <c r="W7" s="1"/>
      <c r="X7" s="1">
        <v>0.08</v>
      </c>
      <c r="Y7" s="1">
        <v>0.01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3.950000000000003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48472222222222222</v>
      </c>
      <c r="C8" s="1" t="s">
        <v>551</v>
      </c>
      <c r="D8" s="1" t="s">
        <v>64</v>
      </c>
      <c r="E8" s="1" t="s">
        <v>53</v>
      </c>
      <c r="J8" s="1" t="s">
        <v>209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45</v>
      </c>
      <c r="C9" s="1" t="s">
        <v>483</v>
      </c>
      <c r="D9" s="1" t="s">
        <v>64</v>
      </c>
      <c r="E9" s="1" t="s">
        <v>486</v>
      </c>
      <c r="F9" s="1" t="s">
        <v>299</v>
      </c>
      <c r="G9" s="1" t="s">
        <v>28</v>
      </c>
      <c r="J9" s="1" t="s">
        <v>30</v>
      </c>
      <c r="K9" s="1" t="s">
        <v>183</v>
      </c>
      <c r="M9" s="1" t="s">
        <v>256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87</v>
      </c>
      <c r="U9" s="1">
        <v>7.6</v>
      </c>
      <c r="V9" s="1"/>
      <c r="W9" s="1"/>
      <c r="X9" s="1">
        <v>0.11</v>
      </c>
      <c r="Y9" s="1">
        <v>1.2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9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45</v>
      </c>
      <c r="C10" s="1" t="s">
        <v>485</v>
      </c>
      <c r="D10" s="1" t="s">
        <v>64</v>
      </c>
      <c r="E10" s="1" t="s">
        <v>486</v>
      </c>
      <c r="G10" s="1" t="s">
        <v>124</v>
      </c>
      <c r="J10" s="1" t="s">
        <v>282</v>
      </c>
      <c r="N10" s="1" t="s">
        <v>33</v>
      </c>
      <c r="P10" s="1" t="s">
        <v>35</v>
      </c>
      <c r="Q10" s="1" t="s">
        <v>58</v>
      </c>
      <c r="S10" s="1" t="s">
        <v>41</v>
      </c>
      <c r="U10" s="1">
        <v>7.5</v>
      </c>
      <c r="V10" s="1"/>
      <c r="W10" s="1"/>
      <c r="X10" s="1">
        <v>0.09</v>
      </c>
      <c r="Y10" s="1">
        <v>1.0999999999999999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3.93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5</v>
      </c>
      <c r="C11" s="1" t="s">
        <v>551</v>
      </c>
      <c r="D11" s="1" t="s">
        <v>64</v>
      </c>
      <c r="E11" s="1" t="s">
        <v>486</v>
      </c>
      <c r="J11" s="1" t="s">
        <v>262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45833333333333331</v>
      </c>
      <c r="C12" s="1" t="s">
        <v>483</v>
      </c>
      <c r="D12" s="1" t="s">
        <v>113</v>
      </c>
      <c r="E12" s="1" t="s">
        <v>53</v>
      </c>
      <c r="F12" s="1" t="s">
        <v>128</v>
      </c>
      <c r="G12" s="1" t="s">
        <v>160</v>
      </c>
      <c r="J12" s="1" t="s">
        <v>30</v>
      </c>
      <c r="K12" s="1" t="s">
        <v>139</v>
      </c>
      <c r="M12" s="1" t="s">
        <v>111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41</v>
      </c>
      <c r="U12" s="1">
        <v>8</v>
      </c>
      <c r="V12" s="1"/>
      <c r="W12" s="1"/>
      <c r="X12" s="1">
        <v>0.09</v>
      </c>
      <c r="Y12" s="1">
        <v>1.4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520000000000003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45833333333333331</v>
      </c>
      <c r="C13" s="1" t="s">
        <v>485</v>
      </c>
      <c r="D13" s="1" t="s">
        <v>113</v>
      </c>
      <c r="E13" s="1" t="s">
        <v>53</v>
      </c>
      <c r="G13" s="1" t="s">
        <v>160</v>
      </c>
      <c r="J13" s="1" t="s">
        <v>297</v>
      </c>
      <c r="N13" s="1" t="s">
        <v>33</v>
      </c>
      <c r="P13" s="1" t="s">
        <v>35</v>
      </c>
      <c r="Q13" s="1" t="s">
        <v>40</v>
      </c>
      <c r="S13" s="1" t="s">
        <v>158</v>
      </c>
      <c r="U13" s="1">
        <v>7.8</v>
      </c>
      <c r="V13" s="1"/>
      <c r="W13" s="1"/>
      <c r="X13" s="1">
        <v>0.1</v>
      </c>
      <c r="Y13" s="1">
        <v>1.6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64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5833333333333331</v>
      </c>
      <c r="C14" s="1" t="s">
        <v>551</v>
      </c>
      <c r="D14" s="1" t="s">
        <v>113</v>
      </c>
      <c r="E14" s="1" t="s">
        <v>53</v>
      </c>
      <c r="J14" s="1" t="s">
        <v>164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BZ3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5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7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68</v>
      </c>
      <c r="B4" s="2">
        <v>0.3972222222222222</v>
      </c>
      <c r="C4" s="1" t="s">
        <v>483</v>
      </c>
      <c r="D4" s="1" t="s">
        <v>27</v>
      </c>
      <c r="E4" s="1" t="s">
        <v>486</v>
      </c>
      <c r="F4" s="1" t="s">
        <v>198</v>
      </c>
      <c r="G4" s="1" t="s">
        <v>300</v>
      </c>
      <c r="J4" s="1" t="s">
        <v>30</v>
      </c>
      <c r="K4" s="1" t="s">
        <v>294</v>
      </c>
      <c r="M4" s="1" t="s">
        <v>122</v>
      </c>
      <c r="N4" s="1" t="s">
        <v>33</v>
      </c>
      <c r="O4" s="1" t="s">
        <v>171</v>
      </c>
      <c r="P4" s="1" t="s">
        <v>35</v>
      </c>
      <c r="Q4" s="1" t="s">
        <v>58</v>
      </c>
      <c r="S4" s="1" t="s">
        <v>37</v>
      </c>
      <c r="U4" s="1">
        <v>8.6999999999999993</v>
      </c>
      <c r="V4" s="1"/>
      <c r="W4" s="1"/>
      <c r="X4" s="1">
        <v>0.11</v>
      </c>
      <c r="Y4" s="1">
        <v>1.4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 t="s">
        <v>516</v>
      </c>
      <c r="BC4" s="1">
        <v>0.02</v>
      </c>
      <c r="BD4" s="1" t="s">
        <v>529</v>
      </c>
      <c r="BE4" s="1"/>
      <c r="BF4" s="1"/>
      <c r="BG4" s="1"/>
      <c r="BH4" s="1"/>
      <c r="BI4" s="1"/>
      <c r="BJ4" s="1"/>
      <c r="BK4" s="1"/>
      <c r="BL4" s="1"/>
      <c r="BM4" s="1" t="s">
        <v>536</v>
      </c>
      <c r="BN4" s="1">
        <v>6.0000000000000001E-3</v>
      </c>
      <c r="BO4" s="1"/>
      <c r="BP4" s="1"/>
      <c r="BQ4" s="1">
        <v>34.44</v>
      </c>
      <c r="BR4" s="1"/>
      <c r="BS4" s="1"/>
      <c r="BT4" s="1">
        <v>3</v>
      </c>
      <c r="BU4" s="1"/>
      <c r="BV4" s="1"/>
      <c r="BW4" s="1"/>
      <c r="BX4" s="1"/>
      <c r="BY4" s="1"/>
      <c r="BZ4" s="1"/>
    </row>
    <row r="5" spans="1:78" x14ac:dyDescent="0.15">
      <c r="B5" s="2">
        <v>0.3972222222222222</v>
      </c>
      <c r="C5" s="1" t="s">
        <v>485</v>
      </c>
      <c r="D5" s="1" t="s">
        <v>27</v>
      </c>
      <c r="E5" s="1" t="s">
        <v>486</v>
      </c>
      <c r="G5" s="1" t="s">
        <v>156</v>
      </c>
      <c r="J5" s="1" t="s">
        <v>165</v>
      </c>
      <c r="N5" s="1" t="s">
        <v>33</v>
      </c>
      <c r="P5" s="1" t="s">
        <v>35</v>
      </c>
      <c r="Q5" s="1" t="s">
        <v>58</v>
      </c>
      <c r="S5" s="1" t="s">
        <v>37</v>
      </c>
      <c r="U5" s="1">
        <v>7.9</v>
      </c>
      <c r="V5" s="1"/>
      <c r="W5" s="1"/>
      <c r="X5" s="1">
        <v>0.13</v>
      </c>
      <c r="Y5" s="1">
        <v>2.4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 t="s">
        <v>516</v>
      </c>
      <c r="BC5" s="1">
        <v>0.04</v>
      </c>
      <c r="BD5" s="1" t="s">
        <v>529</v>
      </c>
      <c r="BE5" s="1"/>
      <c r="BF5" s="1"/>
      <c r="BG5" s="1"/>
      <c r="BH5" s="1"/>
      <c r="BI5" s="1"/>
      <c r="BJ5" s="1"/>
      <c r="BK5" s="1"/>
      <c r="BL5" s="1"/>
      <c r="BM5" s="1" t="s">
        <v>536</v>
      </c>
      <c r="BN5" s="1">
        <v>1.0999999999999999E-2</v>
      </c>
      <c r="BO5" s="1"/>
      <c r="BP5" s="1"/>
      <c r="BQ5" s="1">
        <v>34.549999999999997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74</v>
      </c>
      <c r="B6" s="2">
        <v>0.32777777777777778</v>
      </c>
      <c r="C6" s="1" t="s">
        <v>483</v>
      </c>
      <c r="D6" s="1" t="s">
        <v>113</v>
      </c>
      <c r="E6" s="1" t="s">
        <v>95</v>
      </c>
      <c r="F6" s="1" t="s">
        <v>233</v>
      </c>
      <c r="G6" s="1" t="s">
        <v>301</v>
      </c>
      <c r="J6" s="1" t="s">
        <v>30</v>
      </c>
      <c r="K6" s="1" t="s">
        <v>125</v>
      </c>
      <c r="M6" s="1" t="s">
        <v>122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62</v>
      </c>
      <c r="U6" s="1">
        <v>7.7</v>
      </c>
      <c r="V6" s="3">
        <v>13</v>
      </c>
      <c r="W6" s="1"/>
      <c r="X6" s="1">
        <v>0.12</v>
      </c>
      <c r="Y6" s="1">
        <v>1.7000000000000001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 t="s">
        <v>516</v>
      </c>
      <c r="BC6" s="1">
        <v>0.02</v>
      </c>
      <c r="BD6" s="1" t="s">
        <v>529</v>
      </c>
      <c r="BE6" s="1"/>
      <c r="BF6" s="1"/>
      <c r="BG6" s="1"/>
      <c r="BH6" s="1"/>
      <c r="BI6" s="1"/>
      <c r="BJ6" s="1"/>
      <c r="BK6" s="1"/>
      <c r="BL6" s="1"/>
      <c r="BM6" s="1" t="s">
        <v>536</v>
      </c>
      <c r="BN6" s="1">
        <v>8.9999999999999993E-3</v>
      </c>
      <c r="BO6" s="1"/>
      <c r="BP6" s="1"/>
      <c r="BQ6" s="1">
        <v>34.020000000000003</v>
      </c>
      <c r="BR6" s="1"/>
      <c r="BS6" s="1"/>
      <c r="BT6" s="1">
        <v>0.7</v>
      </c>
      <c r="BU6" s="1"/>
      <c r="BV6" s="1"/>
      <c r="BW6" s="1"/>
      <c r="BX6" s="1"/>
      <c r="BY6" s="1"/>
      <c r="BZ6" s="1"/>
    </row>
    <row r="7" spans="1:78" x14ac:dyDescent="0.15">
      <c r="B7" s="2">
        <v>0.32777777777777778</v>
      </c>
      <c r="C7" s="1" t="s">
        <v>485</v>
      </c>
      <c r="D7" s="1" t="s">
        <v>113</v>
      </c>
      <c r="E7" s="1" t="s">
        <v>95</v>
      </c>
      <c r="G7" s="1" t="s">
        <v>216</v>
      </c>
      <c r="J7" s="1" t="s">
        <v>127</v>
      </c>
      <c r="N7" s="1" t="s">
        <v>33</v>
      </c>
      <c r="P7" s="1" t="s">
        <v>35</v>
      </c>
      <c r="Q7" s="1" t="s">
        <v>58</v>
      </c>
      <c r="S7" s="1" t="s">
        <v>93</v>
      </c>
      <c r="U7" s="1">
        <v>7.7</v>
      </c>
      <c r="V7" s="1"/>
      <c r="W7" s="1"/>
      <c r="X7" s="1">
        <v>0.11</v>
      </c>
      <c r="Y7" s="1">
        <v>1.4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 t="s">
        <v>516</v>
      </c>
      <c r="BC7" s="1">
        <v>0.03</v>
      </c>
      <c r="BD7" s="1" t="s">
        <v>529</v>
      </c>
      <c r="BE7" s="1"/>
      <c r="BF7" s="1"/>
      <c r="BG7" s="1"/>
      <c r="BH7" s="1"/>
      <c r="BI7" s="1"/>
      <c r="BJ7" s="1"/>
      <c r="BK7" s="1"/>
      <c r="BL7" s="1"/>
      <c r="BM7" s="1" t="s">
        <v>536</v>
      </c>
      <c r="BN7" s="1">
        <v>0.01</v>
      </c>
      <c r="BO7" s="1"/>
      <c r="BP7" s="1"/>
      <c r="BQ7" s="1">
        <v>34.07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1</v>
      </c>
      <c r="B8" s="2">
        <v>0.40138888888888885</v>
      </c>
      <c r="C8" s="1" t="s">
        <v>483</v>
      </c>
      <c r="D8" s="1" t="s">
        <v>113</v>
      </c>
      <c r="E8" s="1" t="s">
        <v>53</v>
      </c>
      <c r="F8" s="1" t="s">
        <v>105</v>
      </c>
      <c r="G8" s="1" t="s">
        <v>248</v>
      </c>
      <c r="J8" s="1" t="s">
        <v>30</v>
      </c>
      <c r="K8" s="1" t="s">
        <v>294</v>
      </c>
      <c r="M8" s="1" t="s">
        <v>128</v>
      </c>
      <c r="N8" s="1" t="s">
        <v>33</v>
      </c>
      <c r="O8" s="1" t="s">
        <v>179</v>
      </c>
      <c r="P8" s="1" t="s">
        <v>35</v>
      </c>
      <c r="Q8" s="1" t="s">
        <v>68</v>
      </c>
      <c r="S8" s="1" t="s">
        <v>77</v>
      </c>
      <c r="U8" s="1">
        <v>9.5</v>
      </c>
      <c r="V8" s="1"/>
      <c r="W8" s="1"/>
      <c r="X8" s="1">
        <v>0.12</v>
      </c>
      <c r="Y8" s="1">
        <v>2.4E-2</v>
      </c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 t="s">
        <v>516</v>
      </c>
      <c r="BC8" s="1" t="s">
        <v>518</v>
      </c>
      <c r="BD8" s="1" t="s">
        <v>529</v>
      </c>
      <c r="BE8" s="1"/>
      <c r="BF8" s="1"/>
      <c r="BG8" s="1"/>
      <c r="BH8" s="1"/>
      <c r="BI8" s="1"/>
      <c r="BJ8" s="1"/>
      <c r="BK8" s="1"/>
      <c r="BL8" s="1"/>
      <c r="BM8" s="1" t="s">
        <v>536</v>
      </c>
      <c r="BN8" s="1">
        <v>8.0000000000000002E-3</v>
      </c>
      <c r="BO8" s="1"/>
      <c r="BP8" s="1"/>
      <c r="BQ8" s="1">
        <v>33.549999999999997</v>
      </c>
      <c r="BR8" s="1"/>
      <c r="BS8" s="1"/>
      <c r="BT8" s="1">
        <v>2.5</v>
      </c>
      <c r="BU8" s="1"/>
      <c r="BV8" s="1"/>
      <c r="BW8" s="1"/>
      <c r="BX8" s="1"/>
      <c r="BY8" s="1"/>
      <c r="BZ8" s="1"/>
    </row>
    <row r="9" spans="1:78" x14ac:dyDescent="0.15">
      <c r="B9" s="2">
        <v>0.40138888888888885</v>
      </c>
      <c r="C9" s="1" t="s">
        <v>485</v>
      </c>
      <c r="D9" s="1" t="s">
        <v>113</v>
      </c>
      <c r="E9" s="1" t="s">
        <v>53</v>
      </c>
      <c r="G9" s="1" t="s">
        <v>252</v>
      </c>
      <c r="J9" s="1" t="s">
        <v>165</v>
      </c>
      <c r="N9" s="1" t="s">
        <v>33</v>
      </c>
      <c r="P9" s="1" t="s">
        <v>35</v>
      </c>
      <c r="Q9" s="1" t="s">
        <v>58</v>
      </c>
      <c r="S9" s="1" t="s">
        <v>80</v>
      </c>
      <c r="U9" s="1">
        <v>8.1</v>
      </c>
      <c r="V9" s="1"/>
      <c r="W9" s="1"/>
      <c r="X9" s="1">
        <v>0.11</v>
      </c>
      <c r="Y9" s="1">
        <v>1.4999999999999999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 t="s">
        <v>516</v>
      </c>
      <c r="BC9" s="1" t="s">
        <v>518</v>
      </c>
      <c r="BD9" s="1" t="s">
        <v>529</v>
      </c>
      <c r="BE9" s="1"/>
      <c r="BF9" s="1"/>
      <c r="BG9" s="1"/>
      <c r="BH9" s="1"/>
      <c r="BI9" s="1"/>
      <c r="BJ9" s="1"/>
      <c r="BK9" s="1"/>
      <c r="BL9" s="1"/>
      <c r="BM9" s="1" t="s">
        <v>536</v>
      </c>
      <c r="BN9" s="1">
        <v>4.0000000000000001E-3</v>
      </c>
      <c r="BO9" s="1"/>
      <c r="BP9" s="1"/>
      <c r="BQ9" s="1">
        <v>34.049999999999997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63</v>
      </c>
      <c r="B10" s="2">
        <v>0.35416666666666669</v>
      </c>
      <c r="C10" s="1" t="s">
        <v>483</v>
      </c>
      <c r="D10" s="1" t="s">
        <v>64</v>
      </c>
      <c r="E10" s="1" t="s">
        <v>53</v>
      </c>
      <c r="F10" s="1" t="s">
        <v>191</v>
      </c>
      <c r="G10" s="1" t="s">
        <v>153</v>
      </c>
      <c r="J10" s="1" t="s">
        <v>30</v>
      </c>
      <c r="K10" s="1" t="s">
        <v>302</v>
      </c>
      <c r="M10" s="1" t="s">
        <v>278</v>
      </c>
      <c r="N10" s="1" t="s">
        <v>33</v>
      </c>
      <c r="O10" s="1" t="s">
        <v>303</v>
      </c>
      <c r="P10" s="1" t="s">
        <v>35</v>
      </c>
      <c r="Q10" s="1" t="s">
        <v>141</v>
      </c>
      <c r="S10" s="1" t="s">
        <v>78</v>
      </c>
      <c r="U10" s="1">
        <v>8.5</v>
      </c>
      <c r="V10" s="1"/>
      <c r="W10" s="1"/>
      <c r="X10" s="1">
        <v>0.17</v>
      </c>
      <c r="Y10" s="1">
        <v>1.7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 t="s">
        <v>516</v>
      </c>
      <c r="BC10" s="1" t="s">
        <v>518</v>
      </c>
      <c r="BD10" s="1" t="s">
        <v>529</v>
      </c>
      <c r="BE10" s="1"/>
      <c r="BF10" s="1"/>
      <c r="BG10" s="1"/>
      <c r="BH10" s="1"/>
      <c r="BI10" s="1"/>
      <c r="BJ10" s="1"/>
      <c r="BK10" s="1"/>
      <c r="BL10" s="1"/>
      <c r="BM10" s="1" t="s">
        <v>536</v>
      </c>
      <c r="BN10" s="1">
        <v>1E-3</v>
      </c>
      <c r="BO10" s="1"/>
      <c r="BP10" s="1"/>
      <c r="BQ10" s="1">
        <v>32.11</v>
      </c>
      <c r="BR10" s="1"/>
      <c r="BS10" s="1"/>
      <c r="BT10" s="1">
        <v>4.5</v>
      </c>
      <c r="BU10" s="1"/>
      <c r="BV10" s="1"/>
      <c r="BW10" s="1"/>
      <c r="BX10" s="1"/>
      <c r="BY10" s="1"/>
      <c r="BZ10" s="1"/>
    </row>
    <row r="11" spans="1:78" x14ac:dyDescent="0.15">
      <c r="B11" s="2">
        <v>0.35416666666666669</v>
      </c>
      <c r="C11" s="1" t="s">
        <v>485</v>
      </c>
      <c r="D11" s="1" t="s">
        <v>64</v>
      </c>
      <c r="E11" s="1" t="s">
        <v>53</v>
      </c>
      <c r="G11" s="1" t="s">
        <v>155</v>
      </c>
      <c r="J11" s="1" t="s">
        <v>294</v>
      </c>
      <c r="N11" s="1" t="s">
        <v>33</v>
      </c>
      <c r="P11" s="1" t="s">
        <v>35</v>
      </c>
      <c r="Q11" s="1" t="s">
        <v>40</v>
      </c>
      <c r="S11" s="1" t="s">
        <v>172</v>
      </c>
      <c r="U11" s="1">
        <v>7.7</v>
      </c>
      <c r="V11" s="1"/>
      <c r="W11" s="1"/>
      <c r="X11" s="1">
        <v>0.11</v>
      </c>
      <c r="Y11" s="1">
        <v>1.4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 t="s">
        <v>516</v>
      </c>
      <c r="BC11" s="1" t="s">
        <v>518</v>
      </c>
      <c r="BD11" s="1" t="s">
        <v>529</v>
      </c>
      <c r="BE11" s="1"/>
      <c r="BF11" s="1"/>
      <c r="BG11" s="1"/>
      <c r="BH11" s="1"/>
      <c r="BI11" s="1"/>
      <c r="BJ11" s="1"/>
      <c r="BK11" s="1"/>
      <c r="BL11" s="1"/>
      <c r="BM11" s="1" t="s">
        <v>536</v>
      </c>
      <c r="BN11" s="1">
        <v>2E-3</v>
      </c>
      <c r="BO11" s="1"/>
      <c r="BP11" s="1"/>
      <c r="BQ11" s="1">
        <v>33.72</v>
      </c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B12" s="2">
        <v>0.35416666666666669</v>
      </c>
      <c r="C12" s="1" t="s">
        <v>551</v>
      </c>
      <c r="D12" s="1" t="s">
        <v>64</v>
      </c>
      <c r="E12" s="1" t="s">
        <v>53</v>
      </c>
      <c r="J12" s="1" t="s">
        <v>58</v>
      </c>
      <c r="N12" s="1" t="s">
        <v>33</v>
      </c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 t="s">
        <v>517</v>
      </c>
      <c r="AV12" s="1" t="s">
        <v>515</v>
      </c>
      <c r="AW12" s="1" t="s">
        <v>515</v>
      </c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 t="s">
        <v>517</v>
      </c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89</v>
      </c>
      <c r="B13" s="2">
        <v>0.4993055555555555</v>
      </c>
      <c r="C13" s="1" t="s">
        <v>483</v>
      </c>
      <c r="D13" s="1" t="s">
        <v>304</v>
      </c>
      <c r="E13" s="1" t="s">
        <v>53</v>
      </c>
      <c r="F13" s="1" t="s">
        <v>305</v>
      </c>
      <c r="G13" s="1" t="s">
        <v>306</v>
      </c>
      <c r="J13" s="1" t="s">
        <v>30</v>
      </c>
      <c r="K13" s="1" t="s">
        <v>229</v>
      </c>
      <c r="M13" s="1" t="s">
        <v>120</v>
      </c>
      <c r="N13" s="1" t="s">
        <v>33</v>
      </c>
      <c r="O13" s="1" t="s">
        <v>179</v>
      </c>
      <c r="P13" s="1" t="s">
        <v>35</v>
      </c>
      <c r="Q13" s="1" t="s">
        <v>58</v>
      </c>
      <c r="S13" s="1" t="s">
        <v>77</v>
      </c>
      <c r="U13" s="1">
        <v>7.4</v>
      </c>
      <c r="V13" s="3">
        <v>11</v>
      </c>
      <c r="W13" s="1" t="s">
        <v>514</v>
      </c>
      <c r="X13" s="1">
        <v>0.09</v>
      </c>
      <c r="Y13" s="1">
        <v>0.01</v>
      </c>
      <c r="Z13" s="1">
        <v>8.9999999999999998E-4</v>
      </c>
      <c r="AA13" s="1" t="s">
        <v>552</v>
      </c>
      <c r="AB13" s="1" t="s">
        <v>532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 t="s">
        <v>516</v>
      </c>
      <c r="BC13" s="1" t="s">
        <v>518</v>
      </c>
      <c r="BD13" s="1" t="s">
        <v>529</v>
      </c>
      <c r="BE13" s="1"/>
      <c r="BF13" s="1"/>
      <c r="BG13" s="1"/>
      <c r="BH13" s="1"/>
      <c r="BI13" s="1"/>
      <c r="BJ13" s="1"/>
      <c r="BK13" s="1"/>
      <c r="BL13" s="1"/>
      <c r="BM13" s="1" t="s">
        <v>536</v>
      </c>
      <c r="BN13" s="1">
        <v>1E-3</v>
      </c>
      <c r="BO13" s="1"/>
      <c r="BP13" s="1"/>
      <c r="BQ13" s="1">
        <v>33.520000000000003</v>
      </c>
      <c r="BR13" s="1"/>
      <c r="BS13" s="1"/>
      <c r="BT13" s="1">
        <v>0.7</v>
      </c>
      <c r="BU13" s="1"/>
      <c r="BV13" s="1"/>
      <c r="BW13" s="1"/>
      <c r="BX13" s="1"/>
      <c r="BY13" s="1"/>
      <c r="BZ13" s="1"/>
    </row>
    <row r="14" spans="1:78" x14ac:dyDescent="0.15">
      <c r="B14" s="2">
        <v>0.4993055555555555</v>
      </c>
      <c r="C14" s="1" t="s">
        <v>485</v>
      </c>
      <c r="D14" s="1" t="s">
        <v>304</v>
      </c>
      <c r="E14" s="1" t="s">
        <v>53</v>
      </c>
      <c r="G14" s="1" t="s">
        <v>287</v>
      </c>
      <c r="J14" s="1" t="s">
        <v>236</v>
      </c>
      <c r="N14" s="1" t="s">
        <v>33</v>
      </c>
      <c r="P14" s="1" t="s">
        <v>35</v>
      </c>
      <c r="Q14" s="1" t="s">
        <v>58</v>
      </c>
      <c r="S14" s="1" t="s">
        <v>182</v>
      </c>
      <c r="U14" s="1">
        <v>7.2</v>
      </c>
      <c r="V14" s="1"/>
      <c r="W14" s="1"/>
      <c r="X14" s="1">
        <v>0.09</v>
      </c>
      <c r="Y14" s="1">
        <v>1.6E-2</v>
      </c>
      <c r="Z14" s="1">
        <v>6.9999999999999999E-4</v>
      </c>
      <c r="AA14" s="1" t="s">
        <v>552</v>
      </c>
      <c r="AB14" s="1" t="s">
        <v>532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516</v>
      </c>
      <c r="BC14" s="1" t="s">
        <v>518</v>
      </c>
      <c r="BD14" s="1" t="s">
        <v>529</v>
      </c>
      <c r="BE14" s="1"/>
      <c r="BF14" s="1"/>
      <c r="BG14" s="1"/>
      <c r="BH14" s="1"/>
      <c r="BI14" s="1"/>
      <c r="BJ14" s="1"/>
      <c r="BK14" s="1"/>
      <c r="BL14" s="1"/>
      <c r="BM14" s="1" t="s">
        <v>536</v>
      </c>
      <c r="BN14" s="1">
        <v>2E-3</v>
      </c>
      <c r="BO14" s="1"/>
      <c r="BP14" s="1"/>
      <c r="BQ14" s="1">
        <v>33.590000000000003</v>
      </c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4993055555555555</v>
      </c>
      <c r="C15" s="1" t="s">
        <v>551</v>
      </c>
      <c r="D15" s="1" t="s">
        <v>304</v>
      </c>
      <c r="E15" s="1" t="s">
        <v>53</v>
      </c>
      <c r="J15" s="1" t="s">
        <v>122</v>
      </c>
      <c r="N15" s="1" t="s">
        <v>33</v>
      </c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95</v>
      </c>
      <c r="B16" s="2">
        <v>0.41180555555555554</v>
      </c>
      <c r="C16" s="1" t="s">
        <v>483</v>
      </c>
      <c r="D16" s="1" t="s">
        <v>64</v>
      </c>
      <c r="E16" s="1" t="s">
        <v>484</v>
      </c>
      <c r="F16" s="1" t="s">
        <v>307</v>
      </c>
      <c r="G16" s="1" t="s">
        <v>308</v>
      </c>
      <c r="J16" s="1" t="s">
        <v>30</v>
      </c>
      <c r="K16" s="1" t="s">
        <v>169</v>
      </c>
      <c r="M16" s="1" t="s">
        <v>165</v>
      </c>
      <c r="N16" s="1" t="s">
        <v>33</v>
      </c>
      <c r="O16" s="1" t="s">
        <v>179</v>
      </c>
      <c r="P16" s="1" t="s">
        <v>35</v>
      </c>
      <c r="Q16" s="1" t="s">
        <v>40</v>
      </c>
      <c r="S16" s="1" t="s">
        <v>62</v>
      </c>
      <c r="U16" s="1">
        <v>6.7</v>
      </c>
      <c r="V16" s="1"/>
      <c r="W16" s="1"/>
      <c r="X16" s="1">
        <v>0.11</v>
      </c>
      <c r="Y16" s="1">
        <v>1.4999999999999999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 t="s">
        <v>516</v>
      </c>
      <c r="BC16" s="1" t="s">
        <v>518</v>
      </c>
      <c r="BD16" s="1" t="s">
        <v>529</v>
      </c>
      <c r="BE16" s="1"/>
      <c r="BF16" s="1"/>
      <c r="BG16" s="1"/>
      <c r="BH16" s="1"/>
      <c r="BI16" s="1"/>
      <c r="BJ16" s="1"/>
      <c r="BK16" s="1"/>
      <c r="BL16" s="1"/>
      <c r="BM16" s="1" t="s">
        <v>536</v>
      </c>
      <c r="BN16" s="1">
        <v>5.0000000000000001E-3</v>
      </c>
      <c r="BO16" s="1"/>
      <c r="BP16" s="1"/>
      <c r="BQ16" s="1">
        <v>33.85</v>
      </c>
      <c r="BR16" s="1"/>
      <c r="BS16" s="1"/>
      <c r="BT16" s="1" t="s">
        <v>514</v>
      </c>
      <c r="BU16" s="1"/>
      <c r="BV16" s="1"/>
      <c r="BW16" s="1"/>
      <c r="BX16" s="1"/>
      <c r="BY16" s="1"/>
      <c r="BZ16" s="1"/>
    </row>
    <row r="17" spans="1:78" x14ac:dyDescent="0.15">
      <c r="B17" s="2">
        <v>0.41180555555555554</v>
      </c>
      <c r="C17" s="1" t="s">
        <v>485</v>
      </c>
      <c r="D17" s="1" t="s">
        <v>64</v>
      </c>
      <c r="E17" s="1" t="s">
        <v>484</v>
      </c>
      <c r="G17" s="1" t="s">
        <v>309</v>
      </c>
      <c r="J17" s="1" t="s">
        <v>117</v>
      </c>
      <c r="N17" s="1" t="s">
        <v>33</v>
      </c>
      <c r="P17" s="1" t="s">
        <v>35</v>
      </c>
      <c r="Q17" s="1" t="s">
        <v>40</v>
      </c>
      <c r="S17" s="1" t="s">
        <v>37</v>
      </c>
      <c r="U17" s="1">
        <v>6.8</v>
      </c>
      <c r="V17" s="1"/>
      <c r="W17" s="1"/>
      <c r="X17" s="1">
        <v>0.13</v>
      </c>
      <c r="Y17" s="1">
        <v>1.2999999999999999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 t="s">
        <v>516</v>
      </c>
      <c r="BC17" s="1" t="s">
        <v>518</v>
      </c>
      <c r="BD17" s="1" t="s">
        <v>529</v>
      </c>
      <c r="BE17" s="1"/>
      <c r="BF17" s="1"/>
      <c r="BG17" s="1"/>
      <c r="BH17" s="1"/>
      <c r="BI17" s="1"/>
      <c r="BJ17" s="1"/>
      <c r="BK17" s="1"/>
      <c r="BL17" s="1"/>
      <c r="BM17" s="1" t="s">
        <v>536</v>
      </c>
      <c r="BN17" s="1">
        <v>1.2E-2</v>
      </c>
      <c r="BO17" s="1"/>
      <c r="BP17" s="1"/>
      <c r="BQ17" s="1">
        <v>33.729999999999997</v>
      </c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41180555555555554</v>
      </c>
      <c r="C18" s="1" t="s">
        <v>551</v>
      </c>
      <c r="D18" s="1" t="s">
        <v>64</v>
      </c>
      <c r="E18" s="1" t="s">
        <v>484</v>
      </c>
      <c r="J18" s="1" t="s">
        <v>102</v>
      </c>
      <c r="N18" s="1" t="s">
        <v>33</v>
      </c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88</v>
      </c>
      <c r="B19" s="2">
        <v>0.4680555555555555</v>
      </c>
      <c r="C19" s="1" t="s">
        <v>483</v>
      </c>
      <c r="D19" s="1" t="s">
        <v>64</v>
      </c>
      <c r="E19" s="1" t="s">
        <v>53</v>
      </c>
      <c r="F19" s="1" t="s">
        <v>288</v>
      </c>
      <c r="G19" s="1" t="s">
        <v>310</v>
      </c>
      <c r="J19" s="1" t="s">
        <v>30</v>
      </c>
      <c r="K19" s="1" t="s">
        <v>294</v>
      </c>
      <c r="M19" s="1" t="s">
        <v>135</v>
      </c>
      <c r="N19" s="1" t="s">
        <v>33</v>
      </c>
      <c r="O19" s="1" t="s">
        <v>129</v>
      </c>
      <c r="P19" s="1" t="s">
        <v>35</v>
      </c>
      <c r="Q19" s="1" t="s">
        <v>40</v>
      </c>
      <c r="S19" s="1" t="s">
        <v>62</v>
      </c>
      <c r="U19" s="1">
        <v>6.9</v>
      </c>
      <c r="V19" s="1"/>
      <c r="W19" s="1"/>
      <c r="X19" s="1">
        <v>0.16</v>
      </c>
      <c r="Y19" s="1">
        <v>2.1000000000000001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 t="s">
        <v>516</v>
      </c>
      <c r="BC19" s="1">
        <v>7.0000000000000007E-2</v>
      </c>
      <c r="BD19" s="1">
        <v>0.12</v>
      </c>
      <c r="BE19" s="1"/>
      <c r="BF19" s="1"/>
      <c r="BG19" s="1"/>
      <c r="BH19" s="1"/>
      <c r="BI19" s="1"/>
      <c r="BJ19" s="1"/>
      <c r="BK19" s="1"/>
      <c r="BL19" s="1"/>
      <c r="BM19" s="1" t="s">
        <v>536</v>
      </c>
      <c r="BN19" s="1">
        <v>1.4999999999999999E-2</v>
      </c>
      <c r="BO19" s="1"/>
      <c r="BP19" s="1"/>
      <c r="BQ19" s="1">
        <v>32.21</v>
      </c>
      <c r="BR19" s="1" t="s">
        <v>537</v>
      </c>
      <c r="BS19" s="1"/>
      <c r="BT19" s="1">
        <v>0.8</v>
      </c>
      <c r="BU19" s="1"/>
      <c r="BV19" s="1"/>
      <c r="BW19" s="1"/>
      <c r="BX19" s="1"/>
      <c r="BY19" s="1"/>
      <c r="BZ19" s="1"/>
    </row>
    <row r="20" spans="1:78" x14ac:dyDescent="0.15">
      <c r="B20" s="2">
        <v>0.4680555555555555</v>
      </c>
      <c r="C20" s="1" t="s">
        <v>485</v>
      </c>
      <c r="D20" s="1" t="s">
        <v>64</v>
      </c>
      <c r="E20" s="1" t="s">
        <v>53</v>
      </c>
      <c r="G20" s="1" t="s">
        <v>310</v>
      </c>
      <c r="J20" s="1" t="s">
        <v>165</v>
      </c>
      <c r="N20" s="1" t="s">
        <v>33</v>
      </c>
      <c r="P20" s="1" t="s">
        <v>35</v>
      </c>
      <c r="Q20" s="1" t="s">
        <v>40</v>
      </c>
      <c r="S20" s="1" t="s">
        <v>201</v>
      </c>
      <c r="U20" s="1">
        <v>7</v>
      </c>
      <c r="V20" s="1"/>
      <c r="W20" s="1"/>
      <c r="X20" s="1">
        <v>0.12</v>
      </c>
      <c r="Y20" s="1">
        <v>2.1999999999999999E-2</v>
      </c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0.04</v>
      </c>
      <c r="BD20" s="1" t="s">
        <v>529</v>
      </c>
      <c r="BE20" s="1"/>
      <c r="BF20" s="1"/>
      <c r="BG20" s="1"/>
      <c r="BH20" s="1"/>
      <c r="BI20" s="1"/>
      <c r="BJ20" s="1"/>
      <c r="BK20" s="1"/>
      <c r="BL20" s="1"/>
      <c r="BM20" s="1" t="s">
        <v>536</v>
      </c>
      <c r="BN20" s="1">
        <v>1.7000000000000001E-2</v>
      </c>
      <c r="BO20" s="1"/>
      <c r="BP20" s="1"/>
      <c r="BQ20" s="1">
        <v>33.369999999999997</v>
      </c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4680555555555555</v>
      </c>
      <c r="C21" s="1" t="s">
        <v>551</v>
      </c>
      <c r="D21" s="1" t="s">
        <v>64</v>
      </c>
      <c r="E21" s="1" t="s">
        <v>53</v>
      </c>
      <c r="J21" s="1" t="s">
        <v>61</v>
      </c>
      <c r="N21" s="1" t="s">
        <v>33</v>
      </c>
      <c r="U21" s="1"/>
      <c r="V21" s="1"/>
      <c r="W21" s="1"/>
      <c r="X21" s="1"/>
      <c r="Y21" s="1"/>
      <c r="Z21" s="1"/>
      <c r="AA21" s="1"/>
      <c r="AB21" s="1"/>
      <c r="AC21" s="1" t="s">
        <v>515</v>
      </c>
      <c r="AD21" s="1" t="s">
        <v>516</v>
      </c>
      <c r="AE21" s="1" t="s">
        <v>517</v>
      </c>
      <c r="AF21" s="1" t="s">
        <v>518</v>
      </c>
      <c r="AG21" s="1" t="s">
        <v>522</v>
      </c>
      <c r="AH21" s="1" t="s">
        <v>517</v>
      </c>
      <c r="AI21" s="1"/>
      <c r="AJ21" s="1" t="s">
        <v>517</v>
      </c>
      <c r="AK21" s="1" t="s">
        <v>523</v>
      </c>
      <c r="AL21" s="1" t="s">
        <v>523</v>
      </c>
      <c r="AM21" s="1" t="s">
        <v>523</v>
      </c>
      <c r="AN21" s="1" t="s">
        <v>523</v>
      </c>
      <c r="AO21" s="1" t="s">
        <v>523</v>
      </c>
      <c r="AP21" t="s">
        <v>523</v>
      </c>
      <c r="AQ21" s="1" t="s">
        <v>523</v>
      </c>
      <c r="AR21" s="1" t="s">
        <v>523</v>
      </c>
      <c r="AS21" s="1" t="s">
        <v>523</v>
      </c>
      <c r="AT21" s="1" t="s">
        <v>520</v>
      </c>
      <c r="AU21" s="1"/>
      <c r="AV21" s="1"/>
      <c r="AW21" s="1"/>
      <c r="AX21" s="1" t="s">
        <v>523</v>
      </c>
      <c r="AY21" s="1" t="s">
        <v>530</v>
      </c>
      <c r="AZ21" s="1"/>
      <c r="BA21" s="1"/>
      <c r="BB21" s="1"/>
      <c r="BC21" s="1"/>
      <c r="BD21" s="1"/>
      <c r="BE21" s="1" t="s">
        <v>522</v>
      </c>
      <c r="BF21" s="1" t="s">
        <v>522</v>
      </c>
      <c r="BG21" s="1">
        <v>1E-3</v>
      </c>
      <c r="BH21" s="1" t="s">
        <v>518</v>
      </c>
      <c r="BI21" s="1" t="s">
        <v>516</v>
      </c>
      <c r="BJ21" s="1"/>
      <c r="BK21" s="1"/>
      <c r="BL21" s="1" t="s">
        <v>519</v>
      </c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94</v>
      </c>
      <c r="B22" s="2">
        <v>0.46388888888888885</v>
      </c>
      <c r="C22" s="1" t="s">
        <v>483</v>
      </c>
      <c r="D22" s="1" t="s">
        <v>64</v>
      </c>
      <c r="E22" s="1" t="s">
        <v>486</v>
      </c>
      <c r="F22" s="1" t="s">
        <v>96</v>
      </c>
      <c r="G22" s="1" t="s">
        <v>311</v>
      </c>
      <c r="J22" s="1" t="s">
        <v>30</v>
      </c>
      <c r="K22" s="1" t="s">
        <v>229</v>
      </c>
      <c r="M22" s="1" t="s">
        <v>312</v>
      </c>
      <c r="N22" s="1" t="s">
        <v>33</v>
      </c>
      <c r="O22" s="1" t="s">
        <v>186</v>
      </c>
      <c r="P22" s="1" t="s">
        <v>35</v>
      </c>
      <c r="Q22" s="1" t="s">
        <v>40</v>
      </c>
      <c r="S22" s="1" t="s">
        <v>201</v>
      </c>
      <c r="U22" s="1">
        <v>7.8</v>
      </c>
      <c r="V22" s="3">
        <v>2</v>
      </c>
      <c r="W22" s="1"/>
      <c r="X22" s="1">
        <v>0.09</v>
      </c>
      <c r="Y22" s="1">
        <v>0.01</v>
      </c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 t="s">
        <v>516</v>
      </c>
      <c r="BC22" s="1" t="s">
        <v>518</v>
      </c>
      <c r="BD22" s="1" t="s">
        <v>529</v>
      </c>
      <c r="BE22" s="1"/>
      <c r="BF22" s="1"/>
      <c r="BG22" s="1"/>
      <c r="BH22" s="1"/>
      <c r="BI22" s="1"/>
      <c r="BJ22" s="1"/>
      <c r="BK22" s="1"/>
      <c r="BL22" s="1"/>
      <c r="BM22" s="1" t="s">
        <v>536</v>
      </c>
      <c r="BN22" s="1">
        <v>5.0000000000000001E-3</v>
      </c>
      <c r="BO22" s="1"/>
      <c r="BP22" s="1"/>
      <c r="BQ22" s="1">
        <v>33.94</v>
      </c>
      <c r="BR22" s="1"/>
      <c r="BS22" s="1"/>
      <c r="BT22" s="1">
        <v>0.7</v>
      </c>
      <c r="BU22" s="1"/>
      <c r="BV22" s="1"/>
      <c r="BW22" s="1"/>
      <c r="BX22" s="1"/>
      <c r="BY22" s="1"/>
      <c r="BZ22" s="1"/>
    </row>
    <row r="23" spans="1:78" x14ac:dyDescent="0.15">
      <c r="B23" s="2">
        <v>0.46388888888888885</v>
      </c>
      <c r="C23" s="1" t="s">
        <v>485</v>
      </c>
      <c r="D23" s="1" t="s">
        <v>64</v>
      </c>
      <c r="E23" s="1" t="s">
        <v>486</v>
      </c>
      <c r="G23" s="1" t="s">
        <v>311</v>
      </c>
      <c r="J23" s="1" t="s">
        <v>236</v>
      </c>
      <c r="N23" s="1" t="s">
        <v>33</v>
      </c>
      <c r="P23" s="1" t="s">
        <v>35</v>
      </c>
      <c r="Q23" s="1" t="s">
        <v>58</v>
      </c>
      <c r="S23" s="1" t="s">
        <v>87</v>
      </c>
      <c r="U23" s="1">
        <v>7.8</v>
      </c>
      <c r="V23" s="1"/>
      <c r="W23" s="1"/>
      <c r="X23" s="1">
        <v>0.09</v>
      </c>
      <c r="Y23" s="1">
        <v>1.0999999999999999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 t="s">
        <v>516</v>
      </c>
      <c r="BC23" s="1" t="s">
        <v>518</v>
      </c>
      <c r="BD23" s="1" t="s">
        <v>529</v>
      </c>
      <c r="BE23" s="1"/>
      <c r="BF23" s="1"/>
      <c r="BG23" s="1"/>
      <c r="BH23" s="1"/>
      <c r="BI23" s="1"/>
      <c r="BJ23" s="1"/>
      <c r="BK23" s="1"/>
      <c r="BL23" s="1"/>
      <c r="BM23" s="1" t="s">
        <v>536</v>
      </c>
      <c r="BN23" s="1">
        <v>5.0000000000000001E-3</v>
      </c>
      <c r="BO23" s="1"/>
      <c r="BP23" s="1"/>
      <c r="BQ23" s="1">
        <v>33.950000000000003</v>
      </c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46388888888888885</v>
      </c>
      <c r="C24" s="1" t="s">
        <v>551</v>
      </c>
      <c r="D24" s="1" t="s">
        <v>64</v>
      </c>
      <c r="E24" s="1" t="s">
        <v>486</v>
      </c>
      <c r="J24" s="1" t="s">
        <v>122</v>
      </c>
      <c r="N24" s="1" t="s">
        <v>33</v>
      </c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03</v>
      </c>
      <c r="B25" s="2">
        <v>0.43263888888888885</v>
      </c>
      <c r="C25" s="1" t="s">
        <v>483</v>
      </c>
      <c r="D25" s="1" t="s">
        <v>27</v>
      </c>
      <c r="E25" s="1" t="s">
        <v>484</v>
      </c>
      <c r="F25" s="1" t="s">
        <v>254</v>
      </c>
      <c r="G25" s="1" t="s">
        <v>187</v>
      </c>
      <c r="J25" s="1" t="s">
        <v>30</v>
      </c>
      <c r="K25" s="1" t="s">
        <v>125</v>
      </c>
      <c r="M25" s="1" t="s">
        <v>313</v>
      </c>
      <c r="N25" s="1" t="s">
        <v>33</v>
      </c>
      <c r="O25" s="1" t="s">
        <v>186</v>
      </c>
      <c r="P25" s="1" t="s">
        <v>35</v>
      </c>
      <c r="Q25" s="1" t="s">
        <v>40</v>
      </c>
      <c r="S25" s="1" t="s">
        <v>100</v>
      </c>
      <c r="U25" s="1">
        <v>8</v>
      </c>
      <c r="V25" s="1"/>
      <c r="W25" s="1"/>
      <c r="X25" s="1">
        <v>0.1</v>
      </c>
      <c r="Y25" s="1">
        <v>1.2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 t="s">
        <v>516</v>
      </c>
      <c r="BC25" s="1">
        <v>0.02</v>
      </c>
      <c r="BD25" s="1" t="s">
        <v>529</v>
      </c>
      <c r="BE25" s="1"/>
      <c r="BF25" s="1"/>
      <c r="BG25" s="1"/>
      <c r="BH25" s="1"/>
      <c r="BI25" s="1"/>
      <c r="BJ25" s="1"/>
      <c r="BK25" s="1"/>
      <c r="BL25" s="1"/>
      <c r="BM25" s="1" t="s">
        <v>536</v>
      </c>
      <c r="BN25" s="1">
        <v>5.0000000000000001E-3</v>
      </c>
      <c r="BO25" s="1"/>
      <c r="BP25" s="1"/>
      <c r="BQ25" s="1">
        <v>34.17</v>
      </c>
      <c r="BR25" s="1"/>
      <c r="BS25" s="1"/>
      <c r="BT25" s="1" t="s">
        <v>514</v>
      </c>
      <c r="BU25" s="1"/>
      <c r="BV25" s="1"/>
      <c r="BW25" s="1"/>
      <c r="BX25" s="1"/>
      <c r="BY25" s="1"/>
      <c r="BZ25" s="1"/>
    </row>
    <row r="26" spans="1:78" x14ac:dyDescent="0.15">
      <c r="B26" s="2">
        <v>0.43263888888888885</v>
      </c>
      <c r="C26" s="1" t="s">
        <v>485</v>
      </c>
      <c r="D26" s="1" t="s">
        <v>27</v>
      </c>
      <c r="E26" s="1" t="s">
        <v>484</v>
      </c>
      <c r="G26" s="1" t="s">
        <v>104</v>
      </c>
      <c r="J26" s="1" t="s">
        <v>127</v>
      </c>
      <c r="N26" s="1" t="s">
        <v>33</v>
      </c>
      <c r="P26" s="1" t="s">
        <v>35</v>
      </c>
      <c r="Q26" s="1" t="s">
        <v>40</v>
      </c>
      <c r="S26" s="1" t="s">
        <v>100</v>
      </c>
      <c r="U26" s="1">
        <v>7.9</v>
      </c>
      <c r="V26" s="1"/>
      <c r="W26" s="1"/>
      <c r="X26" s="1">
        <v>0.1</v>
      </c>
      <c r="Y26" s="1">
        <v>1.2999999999999999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 t="s">
        <v>516</v>
      </c>
      <c r="BC26" s="1">
        <v>0.02</v>
      </c>
      <c r="BD26" s="1" t="s">
        <v>529</v>
      </c>
      <c r="BE26" s="1"/>
      <c r="BF26" s="1"/>
      <c r="BG26" s="1"/>
      <c r="BH26" s="1"/>
      <c r="BI26" s="1"/>
      <c r="BJ26" s="1"/>
      <c r="BK26" s="1"/>
      <c r="BL26" s="1"/>
      <c r="BM26" s="1" t="s">
        <v>536</v>
      </c>
      <c r="BN26" s="1">
        <v>6.0000000000000001E-3</v>
      </c>
      <c r="BO26" s="1"/>
      <c r="BP26" s="1"/>
      <c r="BQ26" s="1">
        <v>34.270000000000003</v>
      </c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43263888888888885</v>
      </c>
      <c r="C27" s="1" t="s">
        <v>551</v>
      </c>
      <c r="D27" s="1" t="s">
        <v>27</v>
      </c>
      <c r="E27" s="1" t="s">
        <v>484</v>
      </c>
      <c r="J27" s="1" t="s">
        <v>122</v>
      </c>
      <c r="N27" s="1" t="s">
        <v>33</v>
      </c>
      <c r="U27" s="1"/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8" spans="1:78" x14ac:dyDescent="0.15">
      <c r="A28" s="1" t="s">
        <v>210</v>
      </c>
      <c r="B28" s="2">
        <v>0.45833333333333331</v>
      </c>
      <c r="C28" s="1" t="s">
        <v>483</v>
      </c>
      <c r="D28" s="1" t="s">
        <v>27</v>
      </c>
      <c r="E28" s="1" t="s">
        <v>53</v>
      </c>
      <c r="F28" s="1" t="s">
        <v>314</v>
      </c>
      <c r="G28" s="1" t="s">
        <v>125</v>
      </c>
      <c r="J28" s="1" t="s">
        <v>30</v>
      </c>
      <c r="K28" s="1" t="s">
        <v>140</v>
      </c>
      <c r="M28" s="1" t="s">
        <v>312</v>
      </c>
      <c r="N28" s="1" t="s">
        <v>33</v>
      </c>
      <c r="O28" s="1" t="s">
        <v>186</v>
      </c>
      <c r="P28" s="1" t="s">
        <v>35</v>
      </c>
      <c r="Q28" s="1" t="s">
        <v>58</v>
      </c>
      <c r="S28" s="1" t="s">
        <v>41</v>
      </c>
      <c r="U28" s="1">
        <v>8.4</v>
      </c>
      <c r="V28" s="1"/>
      <c r="W28" s="1"/>
      <c r="X28" s="1">
        <v>0.11</v>
      </c>
      <c r="Y28" s="1">
        <v>1.4E-2</v>
      </c>
      <c r="Z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 t="s">
        <v>516</v>
      </c>
      <c r="BC28" s="1">
        <v>0.02</v>
      </c>
      <c r="BD28" s="1" t="s">
        <v>529</v>
      </c>
      <c r="BF28" s="1"/>
      <c r="BG28" s="1"/>
      <c r="BH28" s="1"/>
      <c r="BI28" s="1"/>
      <c r="BJ28" s="1"/>
      <c r="BK28" s="1"/>
      <c r="BL28" s="1"/>
      <c r="BM28" s="1" t="s">
        <v>536</v>
      </c>
      <c r="BN28" s="1">
        <v>8.0000000000000002E-3</v>
      </c>
      <c r="BO28" s="1"/>
      <c r="BP28" s="1"/>
      <c r="BQ28" s="1">
        <v>34.51</v>
      </c>
      <c r="BR28" s="1"/>
      <c r="BS28" s="1"/>
      <c r="BT28" s="1" t="s">
        <v>514</v>
      </c>
      <c r="BU28" s="1"/>
      <c r="BV28" s="1"/>
      <c r="BW28" s="1"/>
      <c r="BX28" s="1"/>
      <c r="BY28" s="1"/>
      <c r="BZ28" s="1"/>
    </row>
    <row r="29" spans="1:78" x14ac:dyDescent="0.15">
      <c r="B29" s="2">
        <v>0.45833333333333331</v>
      </c>
      <c r="C29" s="1" t="s">
        <v>485</v>
      </c>
      <c r="D29" s="1" t="s">
        <v>27</v>
      </c>
      <c r="E29" s="1" t="s">
        <v>53</v>
      </c>
      <c r="G29" s="1" t="s">
        <v>152</v>
      </c>
      <c r="J29" s="1" t="s">
        <v>144</v>
      </c>
      <c r="N29" s="1" t="s">
        <v>33</v>
      </c>
      <c r="P29" s="1" t="s">
        <v>35</v>
      </c>
      <c r="Q29" s="1" t="s">
        <v>58</v>
      </c>
      <c r="S29" s="1" t="s">
        <v>158</v>
      </c>
      <c r="U29" s="1">
        <v>8.4</v>
      </c>
      <c r="V29" s="1"/>
      <c r="W29" s="1"/>
      <c r="X29" s="1">
        <v>0.12</v>
      </c>
      <c r="Y29" s="1">
        <v>1.4999999999999999E-2</v>
      </c>
      <c r="Z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 t="s">
        <v>516</v>
      </c>
      <c r="BC29" s="1">
        <v>0.03</v>
      </c>
      <c r="BD29" s="1" t="s">
        <v>529</v>
      </c>
      <c r="BF29" s="1"/>
      <c r="BG29" s="1"/>
      <c r="BH29" s="1"/>
      <c r="BI29" s="1"/>
      <c r="BJ29" s="1"/>
      <c r="BK29" s="1"/>
      <c r="BL29" s="1"/>
      <c r="BM29" s="1" t="s">
        <v>536</v>
      </c>
      <c r="BN29" s="1">
        <v>7.0000000000000001E-3</v>
      </c>
      <c r="BO29" s="1"/>
      <c r="BP29" s="1"/>
      <c r="BQ29" s="1">
        <v>34.53</v>
      </c>
      <c r="BR29" s="1"/>
      <c r="BS29" s="1"/>
      <c r="BT29" s="1"/>
      <c r="BU29" s="1"/>
      <c r="BV29" s="1"/>
      <c r="BW29" s="1"/>
      <c r="BX29" s="1"/>
      <c r="BY29" s="1"/>
      <c r="BZ29" s="1"/>
    </row>
    <row r="30" spans="1:78" x14ac:dyDescent="0.15">
      <c r="B30" s="2">
        <v>0.45833333333333331</v>
      </c>
      <c r="C30" s="1" t="s">
        <v>551</v>
      </c>
      <c r="D30" s="1" t="s">
        <v>27</v>
      </c>
      <c r="E30" s="1" t="s">
        <v>53</v>
      </c>
      <c r="J30" s="1" t="s">
        <v>121</v>
      </c>
      <c r="N30" s="1" t="s">
        <v>33</v>
      </c>
      <c r="U30" s="1"/>
      <c r="V30" s="1"/>
      <c r="W30" s="1"/>
      <c r="X30" s="1"/>
      <c r="Y30" s="1"/>
      <c r="Z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</row>
    <row r="31" spans="1:78" x14ac:dyDescent="0.15">
      <c r="A31" s="1" t="s">
        <v>112</v>
      </c>
      <c r="B31" s="2">
        <v>0.47083333333333338</v>
      </c>
      <c r="C31" s="1" t="s">
        <v>483</v>
      </c>
      <c r="D31" s="1" t="s">
        <v>113</v>
      </c>
      <c r="E31" s="1" t="s">
        <v>53</v>
      </c>
      <c r="F31" s="1" t="s">
        <v>227</v>
      </c>
      <c r="G31" s="1" t="s">
        <v>270</v>
      </c>
      <c r="J31" s="1" t="s">
        <v>30</v>
      </c>
      <c r="K31" s="1" t="s">
        <v>236</v>
      </c>
      <c r="M31" s="1" t="s">
        <v>315</v>
      </c>
      <c r="N31" s="1" t="s">
        <v>33</v>
      </c>
      <c r="O31" s="1" t="s">
        <v>186</v>
      </c>
      <c r="P31" s="1" t="s">
        <v>35</v>
      </c>
      <c r="Q31" s="1" t="s">
        <v>40</v>
      </c>
      <c r="S31" s="1" t="s">
        <v>41</v>
      </c>
      <c r="U31" s="1">
        <v>8.3000000000000007</v>
      </c>
      <c r="V31" s="1" t="s">
        <v>521</v>
      </c>
      <c r="W31" s="1" t="s">
        <v>514</v>
      </c>
      <c r="X31" s="1">
        <v>0.11</v>
      </c>
      <c r="Y31" s="1">
        <v>1.7000000000000001E-2</v>
      </c>
      <c r="Z31" s="1">
        <v>5.9999999999999995E-4</v>
      </c>
      <c r="AA31" t="s">
        <v>552</v>
      </c>
      <c r="AB31" t="s">
        <v>532</v>
      </c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 t="s">
        <v>516</v>
      </c>
      <c r="BC31" s="1">
        <v>0.05</v>
      </c>
      <c r="BD31" s="1">
        <v>0.1</v>
      </c>
      <c r="BF31" s="1"/>
      <c r="BG31" s="1"/>
      <c r="BH31" s="1"/>
      <c r="BI31" s="1"/>
      <c r="BJ31" s="1"/>
      <c r="BK31" s="1"/>
      <c r="BL31" s="1"/>
      <c r="BM31" s="1" t="s">
        <v>536</v>
      </c>
      <c r="BN31" s="1">
        <v>8.0000000000000002E-3</v>
      </c>
      <c r="BO31" s="1"/>
      <c r="BP31" s="1"/>
      <c r="BQ31" s="1">
        <v>34.51</v>
      </c>
      <c r="BR31" s="1"/>
      <c r="BS31" s="1"/>
      <c r="BT31" s="1">
        <v>0.8</v>
      </c>
      <c r="BU31" s="1"/>
      <c r="BV31" s="1"/>
      <c r="BW31" s="1"/>
      <c r="BX31" s="1"/>
      <c r="BY31" s="1"/>
      <c r="BZ31" s="1"/>
    </row>
    <row r="32" spans="1:78" x14ac:dyDescent="0.15">
      <c r="B32" s="2">
        <v>0.47083333333333338</v>
      </c>
      <c r="C32" s="1" t="s">
        <v>485</v>
      </c>
      <c r="D32" s="1" t="s">
        <v>113</v>
      </c>
      <c r="E32" s="1" t="s">
        <v>53</v>
      </c>
      <c r="G32" s="1" t="s">
        <v>127</v>
      </c>
      <c r="J32" s="1" t="s">
        <v>316</v>
      </c>
      <c r="N32" s="1" t="s">
        <v>33</v>
      </c>
      <c r="P32" s="1" t="s">
        <v>35</v>
      </c>
      <c r="Q32" s="1" t="s">
        <v>40</v>
      </c>
      <c r="S32" s="1" t="s">
        <v>41</v>
      </c>
      <c r="U32" s="1">
        <v>7.9</v>
      </c>
      <c r="V32" s="1"/>
      <c r="W32" s="1"/>
      <c r="X32" s="1">
        <v>0.11</v>
      </c>
      <c r="Y32" s="1">
        <v>1.6E-2</v>
      </c>
      <c r="Z32" s="1">
        <v>5.0000000000000001E-4</v>
      </c>
      <c r="AA32" t="s">
        <v>552</v>
      </c>
      <c r="AB32" t="s">
        <v>532</v>
      </c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 t="s">
        <v>516</v>
      </c>
      <c r="BC32" s="1">
        <v>0.05</v>
      </c>
      <c r="BD32" s="1">
        <v>0.1</v>
      </c>
      <c r="BF32" s="1"/>
      <c r="BG32" s="1"/>
      <c r="BH32" s="1"/>
      <c r="BI32" s="1"/>
      <c r="BJ32" s="1"/>
      <c r="BK32" s="1"/>
      <c r="BL32" s="1"/>
      <c r="BM32" s="1" t="s">
        <v>536</v>
      </c>
      <c r="BN32" s="1">
        <v>8.0000000000000002E-3</v>
      </c>
      <c r="BO32" s="1"/>
      <c r="BP32" s="1"/>
      <c r="BQ32" s="1">
        <v>34.53</v>
      </c>
      <c r="BR32" s="1"/>
      <c r="BS32" s="1"/>
      <c r="BT32" s="1"/>
      <c r="BU32" s="1"/>
      <c r="BV32" s="1"/>
      <c r="BW32" s="1"/>
      <c r="BX32" s="1"/>
      <c r="BY32" s="1"/>
      <c r="BZ32" s="1"/>
    </row>
    <row r="33" spans="1:78" x14ac:dyDescent="0.15">
      <c r="B33" s="2">
        <v>0.47083333333333338</v>
      </c>
      <c r="C33" s="1" t="s">
        <v>551</v>
      </c>
      <c r="D33" s="1" t="s">
        <v>113</v>
      </c>
      <c r="E33" s="1" t="s">
        <v>53</v>
      </c>
      <c r="J33" s="1" t="s">
        <v>213</v>
      </c>
      <c r="N33" s="1" t="s">
        <v>33</v>
      </c>
      <c r="U33" s="1"/>
      <c r="V33" s="1"/>
      <c r="W33" s="1"/>
      <c r="X33" s="1"/>
      <c r="Y33" s="1"/>
      <c r="Z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</row>
    <row r="34" spans="1:78" x14ac:dyDescent="0.15">
      <c r="A34" s="1" t="s">
        <v>118</v>
      </c>
      <c r="B34" s="2">
        <v>0.39999999999999997</v>
      </c>
      <c r="C34" s="1" t="s">
        <v>483</v>
      </c>
      <c r="D34" s="1" t="s">
        <v>64</v>
      </c>
      <c r="E34" s="1" t="s">
        <v>484</v>
      </c>
      <c r="F34" s="1" t="s">
        <v>115</v>
      </c>
      <c r="G34" s="1" t="s">
        <v>134</v>
      </c>
      <c r="J34" s="1" t="s">
        <v>30</v>
      </c>
      <c r="K34" s="1" t="s">
        <v>216</v>
      </c>
      <c r="M34" s="1" t="s">
        <v>317</v>
      </c>
      <c r="N34" s="1" t="s">
        <v>33</v>
      </c>
      <c r="O34" s="1" t="s">
        <v>186</v>
      </c>
      <c r="P34" s="1" t="s">
        <v>35</v>
      </c>
      <c r="Q34" s="1" t="s">
        <v>58</v>
      </c>
      <c r="S34" s="1" t="s">
        <v>87</v>
      </c>
      <c r="U34" s="1">
        <v>8.6</v>
      </c>
      <c r="V34" s="1"/>
      <c r="W34" s="1"/>
      <c r="X34" s="1">
        <v>0.12</v>
      </c>
      <c r="Y34" s="1">
        <v>1.2999999999999999E-2</v>
      </c>
      <c r="Z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 t="s">
        <v>516</v>
      </c>
      <c r="BC34" s="1">
        <v>0.04</v>
      </c>
      <c r="BD34" s="1" t="s">
        <v>529</v>
      </c>
      <c r="BF34" s="1"/>
      <c r="BG34" s="1"/>
      <c r="BH34" s="1"/>
      <c r="BI34" s="1"/>
      <c r="BJ34" s="1"/>
      <c r="BK34" s="1"/>
      <c r="BL34" s="1"/>
      <c r="BM34" s="1" t="s">
        <v>536</v>
      </c>
      <c r="BN34" s="1">
        <v>6.0000000000000001E-3</v>
      </c>
      <c r="BO34" s="1"/>
      <c r="BP34" s="1"/>
      <c r="BQ34" s="1">
        <v>34.81</v>
      </c>
      <c r="BR34" s="1"/>
      <c r="BS34" s="1"/>
      <c r="BT34" s="1">
        <v>0.9</v>
      </c>
      <c r="BU34" s="1"/>
      <c r="BV34" s="1"/>
      <c r="BW34" s="1"/>
      <c r="BX34" s="1"/>
      <c r="BY34" s="1"/>
      <c r="BZ34" s="1"/>
    </row>
    <row r="35" spans="1:78" x14ac:dyDescent="0.15">
      <c r="B35" s="2">
        <v>0.39999999999999997</v>
      </c>
      <c r="C35" s="1" t="s">
        <v>485</v>
      </c>
      <c r="D35" s="1" t="s">
        <v>64</v>
      </c>
      <c r="E35" s="1" t="s">
        <v>484</v>
      </c>
      <c r="G35" s="1" t="s">
        <v>161</v>
      </c>
      <c r="J35" s="1" t="s">
        <v>228</v>
      </c>
      <c r="N35" s="1" t="s">
        <v>33</v>
      </c>
      <c r="P35" s="1" t="s">
        <v>35</v>
      </c>
      <c r="Q35" s="1" t="s">
        <v>40</v>
      </c>
      <c r="S35" s="1" t="s">
        <v>87</v>
      </c>
      <c r="U35" s="1">
        <v>8.4</v>
      </c>
      <c r="V35" s="1"/>
      <c r="W35" s="1"/>
      <c r="X35" s="1">
        <v>0.14000000000000001</v>
      </c>
      <c r="Y35" s="1">
        <v>1.4E-2</v>
      </c>
      <c r="Z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 t="s">
        <v>516</v>
      </c>
      <c r="BC35" s="1">
        <v>0.06</v>
      </c>
      <c r="BD35" s="1">
        <v>0.11</v>
      </c>
      <c r="BF35" s="1"/>
      <c r="BG35" s="1"/>
      <c r="BH35" s="1"/>
      <c r="BI35" s="1"/>
      <c r="BJ35" s="1"/>
      <c r="BK35" s="1"/>
      <c r="BL35" s="1"/>
      <c r="BM35" s="1" t="s">
        <v>536</v>
      </c>
      <c r="BN35" s="1">
        <v>8.9999999999999993E-3</v>
      </c>
      <c r="BO35" s="1"/>
      <c r="BP35" s="1"/>
      <c r="BQ35" s="1">
        <v>34.9</v>
      </c>
      <c r="BR35" s="1"/>
      <c r="BS35" s="1"/>
      <c r="BT35" s="1"/>
      <c r="BU35" s="1"/>
      <c r="BV35" s="1"/>
      <c r="BW35" s="1"/>
      <c r="BX35" s="1"/>
      <c r="BY35" s="1"/>
      <c r="BZ35" s="1"/>
    </row>
    <row r="36" spans="1:78" x14ac:dyDescent="0.15">
      <c r="B36" s="2">
        <v>0.39999999999999997</v>
      </c>
      <c r="C36" s="1" t="s">
        <v>551</v>
      </c>
      <c r="D36" s="1" t="s">
        <v>64</v>
      </c>
      <c r="E36" s="1" t="s">
        <v>484</v>
      </c>
      <c r="J36" s="1" t="s">
        <v>58</v>
      </c>
      <c r="N36" s="1" t="s">
        <v>33</v>
      </c>
      <c r="U36" s="1"/>
      <c r="V36" s="1"/>
      <c r="W36" s="1"/>
      <c r="X36" s="1"/>
      <c r="Y36" s="1"/>
      <c r="Z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BZ2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472</v>
      </c>
      <c r="C1" s="1" t="s">
        <v>1</v>
      </c>
      <c r="D1" s="1" t="s">
        <v>496</v>
      </c>
      <c r="E1" s="1" t="s">
        <v>2</v>
      </c>
      <c r="F1" s="1" t="s">
        <v>474</v>
      </c>
      <c r="G1" s="1" t="s">
        <v>3</v>
      </c>
      <c r="H1" s="1" t="s">
        <v>48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476</v>
      </c>
      <c r="V2" s="1" t="s">
        <v>425</v>
      </c>
      <c r="W2" s="1" t="s">
        <v>511</v>
      </c>
      <c r="X2" s="1" t="s">
        <v>426</v>
      </c>
      <c r="Y2" s="1" t="s">
        <v>427</v>
      </c>
      <c r="Z2" s="1" t="s">
        <v>428</v>
      </c>
      <c r="AA2" s="1" t="s">
        <v>541</v>
      </c>
      <c r="AB2" s="1" t="s">
        <v>549</v>
      </c>
      <c r="AC2" s="1" t="s">
        <v>429</v>
      </c>
      <c r="AD2" s="1" t="s">
        <v>430</v>
      </c>
      <c r="AE2" s="1" t="s">
        <v>512</v>
      </c>
      <c r="AF2" s="1" t="s">
        <v>431</v>
      </c>
      <c r="AG2" s="1" t="s">
        <v>432</v>
      </c>
      <c r="AH2" s="1" t="s">
        <v>433</v>
      </c>
      <c r="AI2" s="1" t="s">
        <v>434</v>
      </c>
      <c r="AJ2" s="1" t="s">
        <v>435</v>
      </c>
      <c r="AK2" s="1" t="s">
        <v>436</v>
      </c>
      <c r="AL2" s="1" t="s">
        <v>437</v>
      </c>
      <c r="AM2" s="1" t="s">
        <v>438</v>
      </c>
      <c r="AN2" s="1" t="s">
        <v>439</v>
      </c>
      <c r="AO2" s="1" t="s">
        <v>440</v>
      </c>
      <c r="AP2" t="s">
        <v>539</v>
      </c>
      <c r="AQ2" s="1" t="s">
        <v>441</v>
      </c>
      <c r="AR2" s="1" t="s">
        <v>442</v>
      </c>
      <c r="AS2" s="1" t="s">
        <v>443</v>
      </c>
      <c r="AT2" s="1" t="s">
        <v>525</v>
      </c>
      <c r="AU2" s="1" t="s">
        <v>444</v>
      </c>
      <c r="AV2" s="1" t="s">
        <v>445</v>
      </c>
      <c r="AW2" s="1" t="s">
        <v>446</v>
      </c>
      <c r="AX2" s="1" t="s">
        <v>447</v>
      </c>
      <c r="AY2" s="1" t="s">
        <v>448</v>
      </c>
      <c r="AZ2" s="1" t="s">
        <v>449</v>
      </c>
      <c r="BA2" s="1" t="s">
        <v>450</v>
      </c>
      <c r="BB2" s="1" t="s">
        <v>451</v>
      </c>
      <c r="BC2" s="1" t="s">
        <v>452</v>
      </c>
      <c r="BD2" s="1" t="s">
        <v>453</v>
      </c>
      <c r="BE2" s="1" t="s">
        <v>544</v>
      </c>
      <c r="BF2" s="1" t="s">
        <v>454</v>
      </c>
      <c r="BG2" s="1" t="s">
        <v>526</v>
      </c>
      <c r="BH2" s="1" t="s">
        <v>527</v>
      </c>
      <c r="BI2" s="1" t="s">
        <v>455</v>
      </c>
      <c r="BJ2" s="1" t="s">
        <v>456</v>
      </c>
      <c r="BK2" s="1" t="s">
        <v>457</v>
      </c>
      <c r="BL2" s="1" t="s">
        <v>458</v>
      </c>
      <c r="BM2" s="1" t="s">
        <v>459</v>
      </c>
      <c r="BN2" s="1" t="s">
        <v>460</v>
      </c>
      <c r="BO2" s="1" t="s">
        <v>461</v>
      </c>
      <c r="BP2" s="1" t="s">
        <v>462</v>
      </c>
      <c r="BQ2" s="1" t="s">
        <v>463</v>
      </c>
      <c r="BR2" s="1" t="s">
        <v>464</v>
      </c>
      <c r="BS2" s="1" t="s">
        <v>465</v>
      </c>
      <c r="BT2" s="1" t="s">
        <v>466</v>
      </c>
      <c r="BU2" s="1" t="s">
        <v>467</v>
      </c>
      <c r="BV2" s="1" t="s">
        <v>468</v>
      </c>
      <c r="BW2" s="1" t="s">
        <v>469</v>
      </c>
      <c r="BX2" s="1" t="s">
        <v>470</v>
      </c>
      <c r="BY2" s="1" t="s">
        <v>471</v>
      </c>
      <c r="BZ2" s="1" t="s">
        <v>533</v>
      </c>
    </row>
    <row r="3" spans="1:78" x14ac:dyDescent="0.15">
      <c r="A3" s="1" t="s">
        <v>477</v>
      </c>
      <c r="B3" s="1" t="s">
        <v>478</v>
      </c>
      <c r="C3" s="1"/>
      <c r="D3" s="1"/>
      <c r="E3" s="1"/>
      <c r="F3" s="1" t="s">
        <v>479</v>
      </c>
      <c r="G3" s="1" t="s">
        <v>479</v>
      </c>
      <c r="H3" s="1" t="s">
        <v>480</v>
      </c>
      <c r="I3" s="1" t="s">
        <v>24</v>
      </c>
      <c r="J3" s="1" t="s">
        <v>481</v>
      </c>
      <c r="K3" s="1" t="s">
        <v>481</v>
      </c>
      <c r="L3" s="1" t="s">
        <v>482</v>
      </c>
      <c r="M3" s="1" t="s">
        <v>48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13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34</v>
      </c>
      <c r="BP3" s="1" t="s">
        <v>25</v>
      </c>
      <c r="BQ3" s="1" t="s">
        <v>535</v>
      </c>
      <c r="BR3" s="1" t="s">
        <v>25</v>
      </c>
      <c r="BS3" s="1" t="s">
        <v>25</v>
      </c>
      <c r="BT3" s="1" t="s">
        <v>540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174</v>
      </c>
      <c r="B4" s="2">
        <v>0.31944444444444448</v>
      </c>
      <c r="C4" s="1" t="s">
        <v>483</v>
      </c>
      <c r="D4" s="1" t="s">
        <v>113</v>
      </c>
      <c r="E4" s="1" t="s">
        <v>95</v>
      </c>
      <c r="F4" s="1" t="s">
        <v>233</v>
      </c>
      <c r="G4" s="1" t="s">
        <v>318</v>
      </c>
      <c r="J4" s="1" t="s">
        <v>30</v>
      </c>
      <c r="K4" s="1" t="s">
        <v>125</v>
      </c>
      <c r="M4" s="1" t="s">
        <v>61</v>
      </c>
      <c r="N4" s="1" t="s">
        <v>33</v>
      </c>
      <c r="O4" s="1" t="s">
        <v>179</v>
      </c>
      <c r="P4" s="1" t="s">
        <v>35</v>
      </c>
      <c r="Q4" s="1" t="s">
        <v>58</v>
      </c>
      <c r="S4" s="1" t="s">
        <v>37</v>
      </c>
      <c r="U4" s="1">
        <v>8.1</v>
      </c>
      <c r="V4" s="1"/>
      <c r="W4" s="1"/>
      <c r="X4" s="1">
        <v>0.09</v>
      </c>
      <c r="Y4" s="1">
        <v>1.4999999999999999E-2</v>
      </c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>
        <v>33.97</v>
      </c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31944444444444448</v>
      </c>
      <c r="C5" s="1" t="s">
        <v>485</v>
      </c>
      <c r="D5" s="1" t="s">
        <v>113</v>
      </c>
      <c r="E5" s="1" t="s">
        <v>95</v>
      </c>
      <c r="G5" s="1" t="s">
        <v>202</v>
      </c>
      <c r="J5" s="1" t="s">
        <v>127</v>
      </c>
      <c r="N5" s="1" t="s">
        <v>33</v>
      </c>
      <c r="P5" s="1" t="s">
        <v>35</v>
      </c>
      <c r="Q5" s="1" t="s">
        <v>58</v>
      </c>
      <c r="S5" s="1" t="s">
        <v>93</v>
      </c>
      <c r="U5" s="1">
        <v>7.9</v>
      </c>
      <c r="V5" s="1"/>
      <c r="W5" s="1"/>
      <c r="X5" s="1">
        <v>0.1</v>
      </c>
      <c r="Y5" s="1">
        <v>1.4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>
        <v>34.21</v>
      </c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189</v>
      </c>
      <c r="B6" s="2">
        <v>0.52083333333333337</v>
      </c>
      <c r="C6" s="1" t="s">
        <v>483</v>
      </c>
      <c r="D6" s="1" t="s">
        <v>304</v>
      </c>
      <c r="E6" s="1" t="s">
        <v>53</v>
      </c>
      <c r="F6" s="1" t="s">
        <v>319</v>
      </c>
      <c r="G6" s="1" t="s">
        <v>220</v>
      </c>
      <c r="J6" s="1" t="s">
        <v>30</v>
      </c>
      <c r="K6" s="1" t="s">
        <v>127</v>
      </c>
      <c r="M6" s="1" t="s">
        <v>102</v>
      </c>
      <c r="N6" s="1" t="s">
        <v>33</v>
      </c>
      <c r="O6" s="1" t="s">
        <v>179</v>
      </c>
      <c r="P6" s="1" t="s">
        <v>35</v>
      </c>
      <c r="Q6" s="1" t="s">
        <v>58</v>
      </c>
      <c r="S6" s="1" t="s">
        <v>67</v>
      </c>
      <c r="U6" s="1">
        <v>7.4</v>
      </c>
      <c r="V6" s="1"/>
      <c r="W6" s="1"/>
      <c r="X6" s="1">
        <v>0.1</v>
      </c>
      <c r="Y6" s="1">
        <v>1.4E-2</v>
      </c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>
        <v>33.15</v>
      </c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52083333333333337</v>
      </c>
      <c r="C7" s="1" t="s">
        <v>485</v>
      </c>
      <c r="D7" s="1" t="s">
        <v>304</v>
      </c>
      <c r="E7" s="1" t="s">
        <v>53</v>
      </c>
      <c r="G7" s="1" t="s">
        <v>320</v>
      </c>
      <c r="J7" s="1" t="s">
        <v>140</v>
      </c>
      <c r="N7" s="1" t="s">
        <v>33</v>
      </c>
      <c r="P7" s="1" t="s">
        <v>35</v>
      </c>
      <c r="Q7" s="1" t="s">
        <v>58</v>
      </c>
      <c r="S7" s="1" t="s">
        <v>77</v>
      </c>
      <c r="U7" s="1">
        <v>7.1</v>
      </c>
      <c r="V7" s="1"/>
      <c r="W7" s="1"/>
      <c r="X7" s="1">
        <v>0.1</v>
      </c>
      <c r="Y7" s="1">
        <v>0.01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>
        <v>33.51</v>
      </c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B8" s="2">
        <v>0.52083333333333337</v>
      </c>
      <c r="C8" s="1" t="s">
        <v>551</v>
      </c>
      <c r="D8" s="1" t="s">
        <v>304</v>
      </c>
      <c r="E8" s="1" t="s">
        <v>53</v>
      </c>
      <c r="J8" s="1" t="s">
        <v>213</v>
      </c>
      <c r="N8" s="1" t="s">
        <v>33</v>
      </c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4</v>
      </c>
      <c r="B9" s="2">
        <v>0.47916666666666669</v>
      </c>
      <c r="C9" s="1" t="s">
        <v>483</v>
      </c>
      <c r="D9" s="1" t="s">
        <v>64</v>
      </c>
      <c r="E9" s="1" t="s">
        <v>486</v>
      </c>
      <c r="F9" s="1" t="s">
        <v>187</v>
      </c>
      <c r="G9" s="1" t="s">
        <v>311</v>
      </c>
      <c r="J9" s="1" t="s">
        <v>30</v>
      </c>
      <c r="K9" s="1" t="s">
        <v>294</v>
      </c>
      <c r="M9" s="1" t="s">
        <v>321</v>
      </c>
      <c r="N9" s="1" t="s">
        <v>33</v>
      </c>
      <c r="O9" s="1" t="s">
        <v>186</v>
      </c>
      <c r="P9" s="1" t="s">
        <v>35</v>
      </c>
      <c r="Q9" s="1" t="s">
        <v>58</v>
      </c>
      <c r="S9" s="1" t="s">
        <v>93</v>
      </c>
      <c r="U9" s="1">
        <v>7.9</v>
      </c>
      <c r="V9" s="1"/>
      <c r="W9" s="1"/>
      <c r="X9" s="1">
        <v>0.09</v>
      </c>
      <c r="Y9" s="1">
        <v>0.01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>
        <v>33.950000000000003</v>
      </c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B10" s="2">
        <v>0.47916666666666669</v>
      </c>
      <c r="C10" s="1" t="s">
        <v>485</v>
      </c>
      <c r="D10" s="1" t="s">
        <v>64</v>
      </c>
      <c r="E10" s="1" t="s">
        <v>486</v>
      </c>
      <c r="G10" s="1" t="s">
        <v>257</v>
      </c>
      <c r="J10" s="1" t="s">
        <v>165</v>
      </c>
      <c r="N10" s="1" t="s">
        <v>33</v>
      </c>
      <c r="P10" s="1" t="s">
        <v>35</v>
      </c>
      <c r="Q10" s="1" t="s">
        <v>58</v>
      </c>
      <c r="S10" s="1" t="s">
        <v>87</v>
      </c>
      <c r="U10" s="1">
        <v>7.7</v>
      </c>
      <c r="V10" s="1"/>
      <c r="W10" s="1"/>
      <c r="X10" s="1">
        <v>0.08</v>
      </c>
      <c r="Y10" s="1">
        <v>1.7000000000000001E-2</v>
      </c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>
        <v>33.950000000000003</v>
      </c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47916666666666669</v>
      </c>
      <c r="C11" s="1" t="s">
        <v>551</v>
      </c>
      <c r="D11" s="1" t="s">
        <v>64</v>
      </c>
      <c r="E11" s="1" t="s">
        <v>486</v>
      </c>
      <c r="J11" s="1" t="s">
        <v>61</v>
      </c>
      <c r="N11" s="1" t="s">
        <v>33</v>
      </c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12</v>
      </c>
      <c r="B12" s="2">
        <v>0.49652777777777773</v>
      </c>
      <c r="C12" s="1" t="s">
        <v>483</v>
      </c>
      <c r="D12" s="1" t="s">
        <v>113</v>
      </c>
      <c r="E12" s="1" t="s">
        <v>53</v>
      </c>
      <c r="F12" s="1" t="s">
        <v>102</v>
      </c>
      <c r="G12" s="1" t="s">
        <v>160</v>
      </c>
      <c r="J12" s="1" t="s">
        <v>30</v>
      </c>
      <c r="K12" s="1" t="s">
        <v>156</v>
      </c>
      <c r="M12" s="1" t="s">
        <v>163</v>
      </c>
      <c r="N12" s="1" t="s">
        <v>33</v>
      </c>
      <c r="O12" s="1" t="s">
        <v>186</v>
      </c>
      <c r="P12" s="1" t="s">
        <v>35</v>
      </c>
      <c r="Q12" s="1" t="s">
        <v>40</v>
      </c>
      <c r="S12" s="1" t="s">
        <v>41</v>
      </c>
      <c r="U12" s="1">
        <v>8</v>
      </c>
      <c r="V12" s="1"/>
      <c r="W12" s="1"/>
      <c r="X12" s="1">
        <v>0.13</v>
      </c>
      <c r="Y12" s="1">
        <v>1.7000000000000001E-2</v>
      </c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>
        <v>34.44</v>
      </c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49652777777777773</v>
      </c>
      <c r="C13" s="1" t="s">
        <v>485</v>
      </c>
      <c r="D13" s="1" t="s">
        <v>113</v>
      </c>
      <c r="E13" s="1" t="s">
        <v>53</v>
      </c>
      <c r="G13" s="1" t="s">
        <v>160</v>
      </c>
      <c r="J13" s="1" t="s">
        <v>152</v>
      </c>
      <c r="N13" s="1" t="s">
        <v>33</v>
      </c>
      <c r="P13" s="1" t="s">
        <v>35</v>
      </c>
      <c r="Q13" s="1" t="s">
        <v>40</v>
      </c>
      <c r="S13" s="1" t="s">
        <v>158</v>
      </c>
      <c r="U13" s="1">
        <v>8</v>
      </c>
      <c r="V13" s="1"/>
      <c r="W13" s="1"/>
      <c r="X13" s="1">
        <v>0.11</v>
      </c>
      <c r="Y13" s="1">
        <v>1.6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>
        <v>34.43</v>
      </c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B14" s="2">
        <v>0.49652777777777773</v>
      </c>
      <c r="C14" s="1" t="s">
        <v>551</v>
      </c>
      <c r="D14" s="1" t="s">
        <v>113</v>
      </c>
      <c r="E14" s="1" t="s">
        <v>53</v>
      </c>
      <c r="J14" s="1" t="s">
        <v>92</v>
      </c>
      <c r="N14" s="1" t="s">
        <v>33</v>
      </c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A15" s="1"/>
      <c r="AB15" s="1"/>
      <c r="BE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0</vt:i4>
      </vt:variant>
    </vt:vector>
  </HeadingPairs>
  <TitlesOfParts>
    <vt:vector size="20" baseType="lpstr">
      <vt:lpstr>江の島西</vt:lpstr>
      <vt:lpstr>辻堂沖</vt:lpstr>
      <vt:lpstr>城ケ島沖</vt:lpstr>
      <vt:lpstr>城ケ島西</vt:lpstr>
      <vt:lpstr>小網代湾</vt:lpstr>
      <vt:lpstr>小田和湾</vt:lpstr>
      <vt:lpstr>葉山沖</vt:lpstr>
      <vt:lpstr>由比ケ浜沖</vt:lpstr>
      <vt:lpstr>七里ケ浜沖</vt:lpstr>
      <vt:lpstr>茅ケ崎沖</vt:lpstr>
      <vt:lpstr>平塚沖</vt:lpstr>
      <vt:lpstr>大磯沖</vt:lpstr>
      <vt:lpstr>湾央東</vt:lpstr>
      <vt:lpstr>湾央</vt:lpstr>
      <vt:lpstr>湾央西</vt:lpstr>
      <vt:lpstr>国府津沖</vt:lpstr>
      <vt:lpstr>小田原沖</vt:lpstr>
      <vt:lpstr>根府川沖</vt:lpstr>
      <vt:lpstr>真鶴沖</vt:lpstr>
      <vt:lpstr>吉浜沖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13:04Z</dcterms:created>
  <dcterms:modified xsi:type="dcterms:W3CDTF">2020-03-21T09:49:39Z</dcterms:modified>
</cp:coreProperties>
</file>